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jpg" ContentType="image/jpe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4025\Desktop\excels\"/>
    </mc:Choice>
  </mc:AlternateContent>
  <xr:revisionPtr revIDLastSave="0" documentId="13_ncr:1_{B8D799AA-F0FF-48DE-B5B8-42FC91651549}" xr6:coauthVersionLast="36" xr6:coauthVersionMax="36" xr10:uidLastSave="{00000000-0000-0000-0000-000000000000}"/>
  <workbookProtection workbookPassword="E792" lockStructure="1"/>
  <bookViews>
    <workbookView xWindow="0" yWindow="0" windowWidth="28800" windowHeight="12105" activeTab="4" xr2:uid="{40EB23EA-8991-4D66-B279-F73F7269C751}"/>
  </bookViews>
  <sheets>
    <sheet name="General Informarion" sheetId="1" r:id="rId1"/>
    <sheet name="Sea Experience" sheetId="2" r:id="rId2"/>
    <sheet name="Certification &amp; Documents" sheetId="3" r:id="rId3"/>
    <sheet name="Education" sheetId="4" r:id="rId4"/>
    <sheet name="Other Information" sheetId="5" r:id="rId5"/>
  </sheets>
  <calcPr calcId="17902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056" uniqueCount="61">
  <si>
    <t>Position</t>
  </si>
  <si>
    <t>Vessel name</t>
  </si>
  <si>
    <t>Flag</t>
  </si>
  <si>
    <t>Engine Type</t>
  </si>
  <si>
    <t>Shipowner</t>
  </si>
  <si>
    <t>N</t>
  </si>
  <si>
    <t>Vessel Type</t>
  </si>
  <si>
    <t>DWT</t>
  </si>
  <si>
    <t>KW</t>
  </si>
  <si>
    <t>From</t>
  </si>
  <si>
    <t>Till</t>
  </si>
  <si>
    <t>+994 51 225 94 19</t>
  </si>
  <si>
    <t>+994 (012) 488 65 57</t>
  </si>
  <si>
    <t>agency@unitedalliancegroup.com</t>
  </si>
  <si>
    <t>Пожалуйста, правильно заполните все поля этого документа и загрузите заполненный файл на наш сайт. Кроме того, вы можете использовать динамическую форму нашего веб-сайта для создания своего резюме. Наша глобальная база данных экипажей доступна для всех наших партнеров и агентств судовладельцев. Использование нашего веб-сайта — это отличная возможность для вашей глобальной сети.</t>
  </si>
  <si>
    <t>Имя</t>
  </si>
  <si>
    <t>Фамилия</t>
  </si>
  <si>
    <t>Пол</t>
  </si>
  <si>
    <t>Дата рождения</t>
  </si>
  <si>
    <t>Телефон</t>
  </si>
  <si>
    <t>Электронная почта</t>
  </si>
  <si>
    <t>Предпочтителный ранк</t>
  </si>
  <si>
    <t>Последный ранк</t>
  </si>
  <si>
    <t>Предпочтителный тип судна</t>
  </si>
  <si>
    <t>Последный тип судна</t>
  </si>
  <si>
    <t>Дата доступности</t>
  </si>
  <si>
    <t>Ожидаемая зарплата</t>
  </si>
  <si>
    <t>3X4 Фото</t>
  </si>
  <si>
    <t>Позиция</t>
  </si>
  <si>
    <t>Название судна / Флаг</t>
  </si>
  <si>
    <t>Тип судна / DWT</t>
  </si>
  <si>
    <t>Тип двигателя / кВт</t>
  </si>
  <si>
    <t>Судовладелец</t>
  </si>
  <si>
    <t>От / до</t>
  </si>
  <si>
    <t>Название судна</t>
  </si>
  <si>
    <t>Флаг</t>
  </si>
  <si>
    <t>Тип судна</t>
  </si>
  <si>
    <t>Тип двигателя</t>
  </si>
  <si>
    <t>кВт</t>
  </si>
  <si>
    <t>От</t>
  </si>
  <si>
    <t>до</t>
  </si>
  <si>
    <t>Tип документа</t>
  </si>
  <si>
    <t>Название документа</t>
  </si>
  <si>
    <t>Номер документа</t>
  </si>
  <si>
    <t>Страна эмитент</t>
  </si>
  <si>
    <t>Дата выдачи</t>
  </si>
  <si>
    <t>Дата истечения срока</t>
  </si>
  <si>
    <t>Морская школа</t>
  </si>
  <si>
    <t>Квалификация</t>
  </si>
  <si>
    <t>Главный</t>
  </si>
  <si>
    <t>Выпускной год</t>
  </si>
  <si>
    <t>Семейный Стус</t>
  </si>
  <si>
    <t>Виза в США</t>
  </si>
  <si>
    <t>Рост</t>
  </si>
  <si>
    <t>Вес</t>
  </si>
  <si>
    <t>Страна</t>
  </si>
  <si>
    <t>Национальность</t>
  </si>
  <si>
    <t>Адрес</t>
  </si>
  <si>
    <t>Ближайший аэропорт</t>
  </si>
  <si>
    <t>Спасибо за терпеливость.</t>
  </si>
  <si>
    <t>Хатаинский р-н. пр. 8 ноября. 15, Баку, Азербайджан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color theme="1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theme="4" tint="-0.249977111117893"/>
      <name val="Calibri"/>
      <family val="2"/>
      <scheme val="minor"/>
    </font>
    <font>
      <b/>
      <sz val="11"/>
      <color theme="4" tint="-0.249977111117893"/>
      <name val="Calibri"/>
      <family val="2"/>
      <scheme val="minor"/>
    </font>
    <font>
      <b/>
      <sz val="14"/>
      <color theme="4" tint="-0.249977111117893"/>
      <name val="Calibri"/>
      <family val="2"/>
      <scheme val="minor"/>
    </font>
    <font>
      <sz val="11"/>
      <color theme="4" tint="0.39997558519241921"/>
      <name val="Calibri"/>
      <family val="2"/>
      <scheme val="minor"/>
    </font>
    <font>
      <sz val="11"/>
      <color theme="0"/>
      <name val="Calibri"/>
      <family val="2"/>
      <scheme val="minor"/>
    </font>
    <font>
      <sz val="16"/>
      <color theme="4" tint="-0.249977111117893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11"/>
      <color theme="4" tint="-0.249977111117893"/>
      <name val="Segoe UI Historic"/>
      <family val="2"/>
    </font>
  </fonts>
  <fills count="6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/>
        <bgColor indexed="64"/>
      </patternFill>
    </fill>
  </fills>
  <borders count="26">
    <border>
      <left/>
      <right/>
      <top/>
      <bottom/>
      <diagonal/>
    </border>
    <border>
      <left style="medium">
        <color theme="4"/>
      </left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theme="4"/>
      </left>
      <right/>
      <top style="medium">
        <color theme="4"/>
      </top>
      <bottom style="medium">
        <color theme="4"/>
      </bottom>
      <diagonal/>
    </border>
    <border>
      <left/>
      <right/>
      <top style="medium">
        <color theme="4"/>
      </top>
      <bottom style="medium">
        <color theme="4"/>
      </bottom>
      <diagonal/>
    </border>
    <border>
      <left/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theme="4"/>
      </left>
      <right/>
      <top style="medium">
        <color theme="4"/>
      </top>
      <bottom/>
      <diagonal/>
    </border>
    <border>
      <left/>
      <right/>
      <top style="medium">
        <color theme="4"/>
      </top>
      <bottom/>
      <diagonal/>
    </border>
    <border>
      <left/>
      <right style="medium">
        <color theme="4"/>
      </right>
      <top style="medium">
        <color theme="4"/>
      </top>
      <bottom/>
      <diagonal/>
    </border>
    <border>
      <left style="medium">
        <color theme="4"/>
      </left>
      <right/>
      <top/>
      <bottom/>
      <diagonal/>
    </border>
    <border>
      <left/>
      <right style="medium">
        <color theme="4"/>
      </right>
      <top/>
      <bottom/>
      <diagonal/>
    </border>
    <border>
      <left style="medium">
        <color theme="4"/>
      </left>
      <right/>
      <top/>
      <bottom style="medium">
        <color theme="4"/>
      </bottom>
      <diagonal/>
    </border>
    <border>
      <left/>
      <right/>
      <top/>
      <bottom style="medium">
        <color theme="4"/>
      </bottom>
      <diagonal/>
    </border>
    <border>
      <left/>
      <right style="medium">
        <color theme="4"/>
      </right>
      <top/>
      <bottom style="medium">
        <color theme="4"/>
      </bottom>
      <diagonal/>
    </border>
    <border>
      <left style="medium">
        <color theme="4"/>
      </left>
      <right style="medium">
        <color theme="4"/>
      </right>
      <top style="medium">
        <color theme="4"/>
      </top>
      <bottom/>
      <diagonal/>
    </border>
    <border>
      <left style="medium">
        <color theme="4"/>
      </left>
      <right style="medium">
        <color theme="4"/>
      </right>
      <top/>
      <bottom style="medium">
        <color theme="4"/>
      </bottom>
      <diagonal/>
    </border>
    <border>
      <left style="medium">
        <color theme="4"/>
      </left>
      <right style="medium">
        <color theme="4"/>
      </right>
      <top/>
      <bottom/>
      <diagonal/>
    </border>
    <border>
      <left/>
      <right/>
      <top style="thin">
        <color theme="4" tint="-0.249977111117893"/>
      </top>
      <bottom/>
      <diagonal/>
    </border>
    <border>
      <left/>
      <right/>
      <top/>
      <bottom style="thin">
        <color theme="4" tint="-0.249977111117893"/>
      </bottom>
      <diagonal/>
    </border>
    <border>
      <left style="medium">
        <color theme="4" tint="-0.249977111117893"/>
      </left>
      <right/>
      <top style="medium">
        <color theme="4" tint="-0.249977111117893"/>
      </top>
      <bottom/>
      <diagonal/>
    </border>
    <border>
      <left/>
      <right/>
      <top style="medium">
        <color theme="4" tint="-0.249977111117893"/>
      </top>
      <bottom/>
      <diagonal/>
    </border>
    <border>
      <left/>
      <right style="medium">
        <color theme="4" tint="-0.249977111117893"/>
      </right>
      <top style="medium">
        <color theme="4" tint="-0.249977111117893"/>
      </top>
      <bottom/>
      <diagonal/>
    </border>
    <border>
      <left style="medium">
        <color theme="4" tint="-0.249977111117893"/>
      </left>
      <right/>
      <top/>
      <bottom/>
      <diagonal/>
    </border>
    <border>
      <left/>
      <right style="medium">
        <color theme="4" tint="-0.249977111117893"/>
      </right>
      <top/>
      <bottom/>
      <diagonal/>
    </border>
    <border>
      <left style="medium">
        <color theme="4" tint="-0.249977111117893"/>
      </left>
      <right/>
      <top/>
      <bottom style="medium">
        <color theme="4" tint="-0.249977111117893"/>
      </bottom>
      <diagonal/>
    </border>
    <border>
      <left/>
      <right/>
      <top/>
      <bottom style="medium">
        <color theme="4" tint="-0.249977111117893"/>
      </bottom>
      <diagonal/>
    </border>
    <border>
      <left/>
      <right style="medium">
        <color theme="4" tint="-0.249977111117893"/>
      </right>
      <top/>
      <bottom style="medium">
        <color theme="4" tint="-0.249977111117893"/>
      </bottom>
      <diagonal/>
    </border>
  </borders>
  <cellStyleXfs count="4">
    <xf numFmtId="0" fontId="0" fillId="0" borderId="0"/>
    <xf numFmtId="0" fontId="1" fillId="2" borderId="0" applyNumberFormat="0" applyBorder="0" applyAlignment="0" applyProtection="0"/>
    <xf numFmtId="0" fontId="2" fillId="3" borderId="0" applyNumberFormat="0" applyBorder="0" applyAlignment="0" applyProtection="0"/>
    <xf numFmtId="0" fontId="9" fillId="0" borderId="0" applyNumberFormat="0" applyFill="0" applyBorder="0" applyAlignment="0" applyProtection="0"/>
  </cellStyleXfs>
  <cellXfs count="49">
    <xf numFmtId="0" fontId="0" fillId="0" borderId="0" xfId="0"/>
    <xf numFmtId="0" fontId="0" fillId="5" borderId="0" xfId="0" applyFill="1"/>
    <xf numFmtId="0" fontId="0" fillId="5" borderId="0" xfId="0" applyFill="1" applyAlignment="1">
      <alignment vertical="center"/>
    </xf>
    <xf numFmtId="0" fontId="4" fillId="4" borderId="0" xfId="1" applyFont="1" applyFill="1" applyAlignment="1">
      <alignment horizontal="center" vertical="center"/>
    </xf>
    <xf numFmtId="0" fontId="4" fillId="5" borderId="0" xfId="1" applyFont="1" applyFill="1" applyAlignment="1">
      <alignment horizontal="center" vertical="center"/>
    </xf>
    <xf numFmtId="0" fontId="0" fillId="5" borderId="0" xfId="0" applyFill="1" applyBorder="1"/>
    <xf numFmtId="0" fontId="4" fillId="5" borderId="0" xfId="1" applyFont="1" applyFill="1" applyBorder="1" applyAlignment="1">
      <alignment horizontal="center" vertical="center"/>
    </xf>
    <xf numFmtId="0" fontId="5" fillId="4" borderId="0" xfId="0" applyFont="1" applyFill="1" applyAlignment="1">
      <alignment horizontal="center" vertical="center"/>
    </xf>
    <xf numFmtId="0" fontId="6" fillId="5" borderId="0" xfId="0" applyFont="1" applyFill="1" applyBorder="1" applyAlignment="1">
      <alignment horizontal="center" vertical="center"/>
    </xf>
    <xf numFmtId="0" fontId="6" fillId="5" borderId="1" xfId="0" applyFont="1" applyFill="1" applyBorder="1" applyAlignment="1">
      <alignment horizontal="center" vertical="center"/>
    </xf>
    <xf numFmtId="0" fontId="8" fillId="5" borderId="0" xfId="0" applyFont="1" applyFill="1" applyBorder="1" applyAlignment="1">
      <alignment vertical="center"/>
    </xf>
    <xf numFmtId="0" fontId="8" fillId="5" borderId="17" xfId="0" applyFont="1" applyFill="1" applyBorder="1" applyAlignment="1">
      <alignment vertical="center"/>
    </xf>
    <xf numFmtId="0" fontId="9" fillId="0" borderId="0" xfId="3" applyAlignment="1">
      <alignment vertical="center"/>
    </xf>
    <xf numFmtId="0" fontId="7" fillId="5" borderId="0" xfId="1" applyFont="1" applyFill="1" applyAlignment="1">
      <alignment horizontal="center" vertical="center"/>
    </xf>
    <xf numFmtId="0" fontId="3" fillId="5" borderId="0" xfId="0" applyFont="1" applyFill="1" applyBorder="1" applyAlignment="1">
      <alignment horizontal="center" vertical="center" wrapText="1"/>
    </xf>
    <xf numFmtId="0" fontId="0" fillId="5" borderId="2" xfId="0" applyFill="1" applyBorder="1" applyAlignment="1">
      <alignment horizontal="center" vertical="center"/>
    </xf>
    <xf numFmtId="0" fontId="0" fillId="5" borderId="3" xfId="0" applyFill="1" applyBorder="1" applyAlignment="1">
      <alignment horizontal="center" vertical="center"/>
    </xf>
    <xf numFmtId="0" fontId="0" fillId="5" borderId="4" xfId="0" applyFill="1" applyBorder="1" applyAlignment="1">
      <alignment horizontal="center" vertical="center"/>
    </xf>
    <xf numFmtId="0" fontId="4" fillId="4" borderId="0" xfId="2" applyFont="1" applyFill="1" applyAlignment="1">
      <alignment horizontal="center" vertical="center"/>
    </xf>
    <xf numFmtId="0" fontId="4" fillId="4" borderId="0" xfId="1" applyFont="1" applyFill="1" applyAlignment="1">
      <alignment horizontal="center" vertical="center"/>
    </xf>
    <xf numFmtId="0" fontId="3" fillId="4" borderId="5" xfId="0" applyFont="1" applyFill="1" applyBorder="1" applyAlignment="1">
      <alignment horizontal="center" vertical="center"/>
    </xf>
    <xf numFmtId="0" fontId="3" fillId="4" borderId="6" xfId="0" applyFont="1" applyFill="1" applyBorder="1" applyAlignment="1">
      <alignment horizontal="center" vertical="center"/>
    </xf>
    <xf numFmtId="0" fontId="3" fillId="4" borderId="7" xfId="0" applyFont="1" applyFill="1" applyBorder="1" applyAlignment="1">
      <alignment horizontal="center" vertical="center"/>
    </xf>
    <xf numFmtId="0" fontId="3" fillId="4" borderId="8" xfId="0" applyFont="1" applyFill="1" applyBorder="1" applyAlignment="1">
      <alignment horizontal="center" vertical="center"/>
    </xf>
    <xf numFmtId="0" fontId="3" fillId="4" borderId="0" xfId="0" applyFont="1" applyFill="1" applyBorder="1" applyAlignment="1">
      <alignment horizontal="center" vertical="center"/>
    </xf>
    <xf numFmtId="0" fontId="3" fillId="4" borderId="9" xfId="0" applyFont="1" applyFill="1" applyBorder="1" applyAlignment="1">
      <alignment horizontal="center" vertical="center"/>
    </xf>
    <xf numFmtId="0" fontId="3" fillId="4" borderId="10" xfId="0" applyFont="1" applyFill="1" applyBorder="1" applyAlignment="1">
      <alignment horizontal="center" vertical="center"/>
    </xf>
    <xf numFmtId="0" fontId="3" fillId="4" borderId="11" xfId="0" applyFont="1" applyFill="1" applyBorder="1" applyAlignment="1">
      <alignment horizontal="center" vertical="center"/>
    </xf>
    <xf numFmtId="0" fontId="3" fillId="4" borderId="12" xfId="0" applyFont="1" applyFill="1" applyBorder="1" applyAlignment="1">
      <alignment horizontal="center" vertical="center"/>
    </xf>
    <xf numFmtId="0" fontId="0" fillId="5" borderId="2" xfId="0" applyFill="1" applyBorder="1" applyAlignment="1">
      <alignment horizontal="center"/>
    </xf>
    <xf numFmtId="0" fontId="0" fillId="5" borderId="3" xfId="0" applyFill="1" applyBorder="1" applyAlignment="1">
      <alignment horizontal="center"/>
    </xf>
    <xf numFmtId="0" fontId="0" fillId="5" borderId="4" xfId="0" applyFill="1" applyBorder="1" applyAlignment="1">
      <alignment horizontal="center"/>
    </xf>
    <xf numFmtId="0" fontId="5" fillId="4" borderId="0" xfId="0" applyFont="1" applyFill="1" applyAlignment="1">
      <alignment horizontal="center" vertical="center"/>
    </xf>
    <xf numFmtId="0" fontId="6" fillId="5" borderId="13" xfId="0" applyFont="1" applyFill="1" applyBorder="1" applyAlignment="1">
      <alignment horizontal="center" vertical="center"/>
    </xf>
    <xf numFmtId="0" fontId="6" fillId="5" borderId="15" xfId="0" applyFont="1" applyFill="1" applyBorder="1" applyAlignment="1">
      <alignment horizontal="center" vertical="center"/>
    </xf>
    <xf numFmtId="0" fontId="6" fillId="5" borderId="14" xfId="0" applyFont="1" applyFill="1" applyBorder="1" applyAlignment="1">
      <alignment horizontal="center" vertical="center"/>
    </xf>
    <xf numFmtId="0" fontId="10" fillId="0" borderId="0" xfId="0" applyFont="1" applyAlignment="1">
      <alignment horizontal="left"/>
    </xf>
    <xf numFmtId="0" fontId="10" fillId="0" borderId="16" xfId="0" applyFont="1" applyBorder="1" applyAlignment="1">
      <alignment horizontal="left" vertical="center"/>
    </xf>
    <xf numFmtId="0" fontId="10" fillId="0" borderId="0" xfId="0" applyFont="1" applyAlignment="1">
      <alignment horizontal="left" vertical="center"/>
    </xf>
    <xf numFmtId="0" fontId="0" fillId="5" borderId="0" xfId="0" applyFill="1" applyAlignment="1">
      <alignment horizontal="center"/>
    </xf>
    <xf numFmtId="0" fontId="8" fillId="5" borderId="17" xfId="0" applyFont="1" applyFill="1" applyBorder="1" applyAlignment="1">
      <alignment horizontal="left" vertical="center"/>
    </xf>
    <xf numFmtId="0" fontId="3" fillId="4" borderId="18" xfId="0" applyFont="1" applyFill="1" applyBorder="1" applyAlignment="1">
      <alignment horizontal="center" vertical="center"/>
    </xf>
    <xf numFmtId="0" fontId="3" fillId="4" borderId="19" xfId="0" applyFont="1" applyFill="1" applyBorder="1" applyAlignment="1">
      <alignment horizontal="center" vertical="center"/>
    </xf>
    <xf numFmtId="0" fontId="3" fillId="4" borderId="20" xfId="0" applyFont="1" applyFill="1" applyBorder="1" applyAlignment="1">
      <alignment horizontal="center" vertical="center"/>
    </xf>
    <xf numFmtId="0" fontId="3" fillId="4" borderId="21" xfId="0" applyFont="1" applyFill="1" applyBorder="1" applyAlignment="1">
      <alignment horizontal="center" vertical="center"/>
    </xf>
    <xf numFmtId="0" fontId="3" fillId="4" borderId="22" xfId="0" applyFont="1" applyFill="1" applyBorder="1" applyAlignment="1">
      <alignment horizontal="center" vertical="center"/>
    </xf>
    <xf numFmtId="0" fontId="3" fillId="4" borderId="23" xfId="0" applyFont="1" applyFill="1" applyBorder="1" applyAlignment="1">
      <alignment horizontal="center" vertical="center"/>
    </xf>
    <xf numFmtId="0" fontId="3" fillId="4" borderId="24" xfId="0" applyFont="1" applyFill="1" applyBorder="1" applyAlignment="1">
      <alignment horizontal="center" vertical="center"/>
    </xf>
    <xf numFmtId="0" fontId="3" fillId="4" borderId="25" xfId="0" applyFont="1" applyFill="1" applyBorder="1" applyAlignment="1">
      <alignment horizontal="center" vertical="center"/>
    </xf>
  </cellXfs>
  <cellStyles count="4">
    <cellStyle name="Bad" xfId="2" builtinId="27"/>
    <cellStyle name="Good" xfId="1" builtinId="26"/>
    <cellStyle name="Hyperlink" xfId="3" builtinId="8"/>
    <cellStyle name="Normal" xfId="0" builtinId="0"/>
  </cellStyles>
  <dxfs count="0"/>
  <tableStyles count="0" defaultTableStyle="TableStyleMedium2" defaultPivotStyle="PivotStyleLight16"/>
  <colors>
    <mruColors>
      <color rgb="FFDEFAF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sv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svg"/><Relationship Id="rId2" Type="http://schemas.openxmlformats.org/officeDocument/2006/relationships/image" Target="../media/image1.png"/><Relationship Id="rId1" Type="http://schemas.openxmlformats.org/officeDocument/2006/relationships/image" Target="../media/image3.jp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333376</xdr:colOff>
      <xdr:row>0</xdr:row>
      <xdr:rowOff>457200</xdr:rowOff>
    </xdr:from>
    <xdr:to>
      <xdr:col>5</xdr:col>
      <xdr:colOff>1401230</xdr:colOff>
      <xdr:row>4</xdr:row>
      <xdr:rowOff>19050</xdr:rowOff>
    </xdr:to>
    <xdr:pic>
      <xdr:nvPicPr>
        <xdr:cNvPr id="3" name="Graphic 2">
          <a:extLst>
            <a:ext uri="{FF2B5EF4-FFF2-40B4-BE49-F238E27FC236}">
              <a16:creationId xmlns:a16="http://schemas.microsoft.com/office/drawing/2014/main" id="{39E932C0-78D0-4A11-AF0D-2AA405B1B73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  <a:ext uri="{96DAC541-7B7A-43D3-8B79-37D633B846F1}">
              <asvg:svgBlip xmlns:asvg="http://schemas.microsoft.com/office/drawing/2016/SVG/main" r:embed="rId2"/>
            </a:ext>
          </a:extLst>
        </a:blip>
        <a:stretch>
          <a:fillRect/>
        </a:stretch>
      </xdr:blipFill>
      <xdr:spPr>
        <a:xfrm>
          <a:off x="2162176" y="457200"/>
          <a:ext cx="2287054" cy="1038225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49306</xdr:colOff>
      <xdr:row>3</xdr:row>
      <xdr:rowOff>47625</xdr:rowOff>
    </xdr:from>
    <xdr:to>
      <xdr:col>5</xdr:col>
      <xdr:colOff>1809049</xdr:colOff>
      <xdr:row>15</xdr:row>
      <xdr:rowOff>380648</xdr:rowOff>
    </xdr:to>
    <xdr:pic>
      <xdr:nvPicPr>
        <xdr:cNvPr id="10" name="Picture 9">
          <a:extLst>
            <a:ext uri="{FF2B5EF4-FFF2-40B4-BE49-F238E27FC236}">
              <a16:creationId xmlns:a16="http://schemas.microsoft.com/office/drawing/2014/main" id="{D1113A3C-893B-4BC1-82B2-8E14E98A9FBE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4222" r="49397"/>
        <a:stretch/>
      </xdr:blipFill>
      <xdr:spPr>
        <a:xfrm>
          <a:off x="1864659" y="843243"/>
          <a:ext cx="2969978" cy="4669699"/>
        </a:xfrm>
        <a:prstGeom prst="rect">
          <a:avLst/>
        </a:prstGeom>
      </xdr:spPr>
    </xdr:pic>
    <xdr:clientData/>
  </xdr:twoCellAnchor>
  <xdr:twoCellAnchor editAs="oneCell">
    <xdr:from>
      <xdr:col>17</xdr:col>
      <xdr:colOff>514350</xdr:colOff>
      <xdr:row>16</xdr:row>
      <xdr:rowOff>85725</xdr:rowOff>
    </xdr:from>
    <xdr:to>
      <xdr:col>19</xdr:col>
      <xdr:colOff>1287368</xdr:colOff>
      <xdr:row>20</xdr:row>
      <xdr:rowOff>66182</xdr:rowOff>
    </xdr:to>
    <xdr:pic>
      <xdr:nvPicPr>
        <xdr:cNvPr id="11" name="Graphic 10">
          <a:extLst>
            <a:ext uri="{FF2B5EF4-FFF2-40B4-BE49-F238E27FC236}">
              <a16:creationId xmlns:a16="http://schemas.microsoft.com/office/drawing/2014/main" id="{EBA421D2-B80F-47A5-A3F7-4193B8EAE15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  <a:ext uri="{96DAC541-7B7A-43D3-8B79-37D633B846F1}">
              <asvg:svgBlip xmlns:asvg="http://schemas.microsoft.com/office/drawing/2016/SVG/main" r:embed="rId3"/>
            </a:ext>
          </a:extLst>
        </a:blip>
        <a:stretch>
          <a:fillRect/>
        </a:stretch>
      </xdr:blipFill>
      <xdr:spPr>
        <a:xfrm>
          <a:off x="12249150" y="5657850"/>
          <a:ext cx="1992218" cy="904382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C0D12D-CFF4-4EE9-B798-032512371969}">
  <dimension ref="D1:T21"/>
  <sheetViews>
    <sheetView workbookViewId="0">
      <selection activeCell="W8" sqref="W8"/>
    </sheetView>
  </sheetViews>
  <sheetFormatPr defaultRowHeight="15" x14ac:dyDescent="0.25"/>
  <cols>
    <col min="1" max="5" width="9.140625" style="1"/>
    <col min="6" max="6" width="27.7109375" style="1" customWidth="1"/>
    <col min="7" max="12" width="9.140625" style="1"/>
    <col min="13" max="13" width="15.85546875" style="1" customWidth="1"/>
    <col min="14" max="14" width="4.42578125" style="1" customWidth="1"/>
    <col min="15" max="19" width="9.140625" style="1"/>
    <col min="20" max="20" width="19.85546875" style="1" customWidth="1"/>
    <col min="21" max="16384" width="9.140625" style="1"/>
  </cols>
  <sheetData>
    <row r="1" spans="4:20" ht="24.75" customHeight="1" x14ac:dyDescent="0.25"/>
    <row r="2" spans="4:20" ht="24.75" customHeight="1" x14ac:dyDescent="0.25">
      <c r="H2" s="14" t="s">
        <v>14</v>
      </c>
      <c r="I2" s="14"/>
      <c r="J2" s="14"/>
      <c r="K2" s="14"/>
      <c r="L2" s="14"/>
      <c r="M2" s="14"/>
      <c r="N2" s="14"/>
      <c r="O2" s="14"/>
      <c r="P2" s="14"/>
      <c r="Q2" s="14"/>
      <c r="R2" s="14"/>
      <c r="S2" s="14"/>
      <c r="T2" s="14"/>
    </row>
    <row r="3" spans="4:20" ht="23.25" customHeight="1" x14ac:dyDescent="0.25">
      <c r="H3" s="14"/>
      <c r="I3" s="14"/>
      <c r="J3" s="14"/>
      <c r="K3" s="14"/>
      <c r="L3" s="14"/>
      <c r="M3" s="14"/>
      <c r="N3" s="14"/>
      <c r="O3" s="14"/>
      <c r="P3" s="14"/>
      <c r="Q3" s="14"/>
      <c r="R3" s="14"/>
      <c r="S3" s="14"/>
      <c r="T3" s="14"/>
    </row>
    <row r="4" spans="4:20" ht="32.25" customHeight="1" x14ac:dyDescent="0.25"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4"/>
    </row>
    <row r="6" spans="4:20" ht="22.5" customHeight="1" thickBot="1" x14ac:dyDescent="0.3"/>
    <row r="7" spans="4:20" ht="27.75" customHeight="1" thickBot="1" x14ac:dyDescent="0.3">
      <c r="D7" s="20" t="s">
        <v>27</v>
      </c>
      <c r="E7" s="21"/>
      <c r="F7" s="22"/>
      <c r="H7" s="19" t="s">
        <v>15</v>
      </c>
      <c r="I7" s="19"/>
      <c r="J7" s="19"/>
      <c r="K7" s="19"/>
      <c r="L7" s="19"/>
      <c r="M7" s="19"/>
      <c r="N7" s="2"/>
      <c r="O7" s="19" t="s">
        <v>16</v>
      </c>
      <c r="P7" s="19"/>
      <c r="Q7" s="19"/>
      <c r="R7" s="19"/>
      <c r="S7" s="19"/>
      <c r="T7" s="19"/>
    </row>
    <row r="8" spans="4:20" ht="27.75" customHeight="1" thickBot="1" x14ac:dyDescent="0.3">
      <c r="D8" s="23"/>
      <c r="E8" s="24"/>
      <c r="F8" s="25"/>
      <c r="H8" s="15"/>
      <c r="I8" s="16"/>
      <c r="J8" s="16"/>
      <c r="K8" s="16"/>
      <c r="L8" s="16"/>
      <c r="M8" s="17"/>
      <c r="N8" s="2"/>
      <c r="O8" s="15"/>
      <c r="P8" s="16"/>
      <c r="Q8" s="16"/>
      <c r="R8" s="16"/>
      <c r="S8" s="16"/>
      <c r="T8" s="17"/>
    </row>
    <row r="9" spans="4:20" ht="27.75" customHeight="1" thickBot="1" x14ac:dyDescent="0.3">
      <c r="D9" s="23"/>
      <c r="E9" s="24"/>
      <c r="F9" s="25"/>
      <c r="H9" s="19" t="s">
        <v>17</v>
      </c>
      <c r="I9" s="19"/>
      <c r="J9" s="19"/>
      <c r="K9" s="19"/>
      <c r="L9" s="19"/>
      <c r="M9" s="19"/>
      <c r="N9" s="2"/>
      <c r="O9" s="19" t="s">
        <v>18</v>
      </c>
      <c r="P9" s="19"/>
      <c r="Q9" s="19"/>
      <c r="R9" s="19"/>
      <c r="S9" s="19"/>
      <c r="T9" s="19"/>
    </row>
    <row r="10" spans="4:20" ht="27.75" customHeight="1" thickBot="1" x14ac:dyDescent="0.3">
      <c r="D10" s="23"/>
      <c r="E10" s="24"/>
      <c r="F10" s="25"/>
      <c r="H10" s="15"/>
      <c r="I10" s="16"/>
      <c r="J10" s="16"/>
      <c r="K10" s="16"/>
      <c r="L10" s="16"/>
      <c r="M10" s="17"/>
      <c r="N10" s="2"/>
      <c r="O10" s="15"/>
      <c r="P10" s="16"/>
      <c r="Q10" s="16"/>
      <c r="R10" s="16"/>
      <c r="S10" s="16"/>
      <c r="T10" s="17"/>
    </row>
    <row r="11" spans="4:20" ht="27.75" customHeight="1" thickBot="1" x14ac:dyDescent="0.3">
      <c r="D11" s="23"/>
      <c r="E11" s="24"/>
      <c r="F11" s="25"/>
      <c r="H11" s="19" t="s">
        <v>19</v>
      </c>
      <c r="I11" s="19"/>
      <c r="J11" s="19"/>
      <c r="K11" s="19"/>
      <c r="L11" s="19"/>
      <c r="M11" s="19"/>
      <c r="N11" s="2"/>
      <c r="O11" s="19" t="s">
        <v>20</v>
      </c>
      <c r="P11" s="19"/>
      <c r="Q11" s="19"/>
      <c r="R11" s="19"/>
      <c r="S11" s="19"/>
      <c r="T11" s="19"/>
    </row>
    <row r="12" spans="4:20" ht="27.75" customHeight="1" thickBot="1" x14ac:dyDescent="0.3">
      <c r="D12" s="23"/>
      <c r="E12" s="24"/>
      <c r="F12" s="25"/>
      <c r="H12" s="15"/>
      <c r="I12" s="16"/>
      <c r="J12" s="16"/>
      <c r="K12" s="16"/>
      <c r="L12" s="16"/>
      <c r="M12" s="17"/>
      <c r="N12" s="2"/>
      <c r="O12" s="15"/>
      <c r="P12" s="16"/>
      <c r="Q12" s="16"/>
      <c r="R12" s="16"/>
      <c r="S12" s="16"/>
      <c r="T12" s="17"/>
    </row>
    <row r="13" spans="4:20" ht="27.75" customHeight="1" thickBot="1" x14ac:dyDescent="0.3">
      <c r="D13" s="23"/>
      <c r="E13" s="24"/>
      <c r="F13" s="25"/>
      <c r="H13" s="18" t="s">
        <v>21</v>
      </c>
      <c r="I13" s="18"/>
      <c r="J13" s="18"/>
      <c r="K13" s="18"/>
      <c r="L13" s="18"/>
      <c r="M13" s="18"/>
      <c r="N13" s="2"/>
      <c r="O13" s="18" t="s">
        <v>22</v>
      </c>
      <c r="P13" s="18"/>
      <c r="Q13" s="18"/>
      <c r="R13" s="18"/>
      <c r="S13" s="18"/>
      <c r="T13" s="18"/>
    </row>
    <row r="14" spans="4:20" ht="27.75" customHeight="1" thickBot="1" x14ac:dyDescent="0.3">
      <c r="D14" s="23"/>
      <c r="E14" s="24"/>
      <c r="F14" s="25"/>
      <c r="H14" s="15"/>
      <c r="I14" s="16"/>
      <c r="J14" s="16"/>
      <c r="K14" s="16"/>
      <c r="L14" s="16"/>
      <c r="M14" s="17"/>
      <c r="N14" s="2"/>
      <c r="O14" s="15"/>
      <c r="P14" s="16"/>
      <c r="Q14" s="16"/>
      <c r="R14" s="16"/>
      <c r="S14" s="16"/>
      <c r="T14" s="17"/>
    </row>
    <row r="15" spans="4:20" ht="27.75" customHeight="1" thickBot="1" x14ac:dyDescent="0.3">
      <c r="D15" s="23"/>
      <c r="E15" s="24"/>
      <c r="F15" s="25"/>
      <c r="H15" s="18" t="s">
        <v>23</v>
      </c>
      <c r="I15" s="18"/>
      <c r="J15" s="18"/>
      <c r="K15" s="18"/>
      <c r="L15" s="18"/>
      <c r="M15" s="18"/>
      <c r="N15" s="2"/>
      <c r="O15" s="18" t="s">
        <v>24</v>
      </c>
      <c r="P15" s="18"/>
      <c r="Q15" s="18"/>
      <c r="R15" s="18"/>
      <c r="S15" s="18"/>
      <c r="T15" s="18"/>
    </row>
    <row r="16" spans="4:20" ht="27.75" customHeight="1" thickBot="1" x14ac:dyDescent="0.3">
      <c r="D16" s="23"/>
      <c r="E16" s="24"/>
      <c r="F16" s="25"/>
      <c r="H16" s="15"/>
      <c r="I16" s="16"/>
      <c r="J16" s="16"/>
      <c r="K16" s="16"/>
      <c r="L16" s="16"/>
      <c r="M16" s="17"/>
      <c r="N16" s="2"/>
      <c r="O16" s="15"/>
      <c r="P16" s="16"/>
      <c r="Q16" s="16"/>
      <c r="R16" s="16"/>
      <c r="S16" s="16"/>
      <c r="T16" s="17"/>
    </row>
    <row r="17" spans="4:20" ht="27.75" customHeight="1" thickBot="1" x14ac:dyDescent="0.3">
      <c r="D17" s="23"/>
      <c r="E17" s="24"/>
      <c r="F17" s="25"/>
      <c r="H17" s="18" t="s">
        <v>25</v>
      </c>
      <c r="I17" s="18"/>
      <c r="J17" s="18"/>
      <c r="K17" s="18"/>
      <c r="L17" s="18"/>
      <c r="M17" s="18"/>
      <c r="N17" s="2"/>
      <c r="O17" s="18" t="s">
        <v>26</v>
      </c>
      <c r="P17" s="18"/>
      <c r="Q17" s="18"/>
      <c r="R17" s="18"/>
      <c r="S17" s="18"/>
      <c r="T17" s="18"/>
    </row>
    <row r="18" spans="4:20" ht="21" customHeight="1" thickBot="1" x14ac:dyDescent="0.3">
      <c r="D18" s="26"/>
      <c r="E18" s="27"/>
      <c r="F18" s="28"/>
      <c r="H18" s="29"/>
      <c r="I18" s="30"/>
      <c r="J18" s="30"/>
      <c r="K18" s="30"/>
      <c r="L18" s="30"/>
      <c r="M18" s="31"/>
      <c r="O18" s="29"/>
      <c r="P18" s="30"/>
      <c r="Q18" s="30"/>
      <c r="R18" s="30"/>
      <c r="S18" s="30"/>
      <c r="T18" s="31"/>
    </row>
    <row r="21" spans="4:20" ht="27.75" customHeight="1" x14ac:dyDescent="0.25">
      <c r="T21" s="13"/>
    </row>
  </sheetData>
  <sheetProtection password="E792" sheet="1" scenarios="1"/>
  <protectedRanges>
    <protectedRange sqref="H8:M8 O8:T8 H10:M10 O10:T10 H12:M12 O12:T12 H14:M14 O14:T14 H16:M16 O16:T16 H18:M18 O18:T18" name="General"/>
  </protectedRanges>
  <mergeCells count="26">
    <mergeCell ref="D7:F18"/>
    <mergeCell ref="H7:M7"/>
    <mergeCell ref="O7:T7"/>
    <mergeCell ref="H8:M8"/>
    <mergeCell ref="O8:T8"/>
    <mergeCell ref="H9:M9"/>
    <mergeCell ref="O9:T9"/>
    <mergeCell ref="H18:M18"/>
    <mergeCell ref="O18:T18"/>
    <mergeCell ref="H13:M13"/>
    <mergeCell ref="O13:T13"/>
    <mergeCell ref="H14:M14"/>
    <mergeCell ref="O14:T14"/>
    <mergeCell ref="H15:M15"/>
    <mergeCell ref="O15:T15"/>
    <mergeCell ref="H2:T4"/>
    <mergeCell ref="H16:M16"/>
    <mergeCell ref="O16:T16"/>
    <mergeCell ref="H17:M17"/>
    <mergeCell ref="O17:T17"/>
    <mergeCell ref="H10:M10"/>
    <mergeCell ref="O10:T10"/>
    <mergeCell ref="H11:M11"/>
    <mergeCell ref="O11:T11"/>
    <mergeCell ref="H12:M12"/>
    <mergeCell ref="O12:T12"/>
  </mergeCells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4F62FA-BE14-4FB7-BF8A-520660B51925}">
  <dimension ref="C1:O408"/>
  <sheetViews>
    <sheetView zoomScaleNormal="100" workbookViewId="0">
      <selection activeCell="Q387" sqref="Q387"/>
    </sheetView>
  </sheetViews>
  <sheetFormatPr defaultRowHeight="15" x14ac:dyDescent="0.25"/>
  <cols>
    <col min="1" max="2" width="9.140625" style="1"/>
    <col min="3" max="3" width="12.85546875" style="1" customWidth="1"/>
    <col min="4" max="4" width="1.42578125" style="1" customWidth="1"/>
    <col min="5" max="5" width="30.85546875" style="1" customWidth="1"/>
    <col min="6" max="6" width="1.7109375" style="1" customWidth="1"/>
    <col min="7" max="7" width="33.42578125" style="1" customWidth="1"/>
    <col min="8" max="8" width="2.140625" style="1" customWidth="1"/>
    <col min="9" max="9" width="27.85546875" style="1" customWidth="1"/>
    <col min="10" max="10" width="2" style="5" customWidth="1"/>
    <col min="11" max="11" width="29.42578125" style="1" customWidth="1"/>
    <col min="12" max="12" width="2.28515625" style="5" customWidth="1"/>
    <col min="13" max="13" width="36" style="1" customWidth="1"/>
    <col min="14" max="14" width="2.42578125" style="5" customWidth="1"/>
    <col min="15" max="15" width="37.140625" style="1" customWidth="1"/>
    <col min="16" max="16384" width="9.140625" style="1"/>
  </cols>
  <sheetData>
    <row r="1" spans="3:15" ht="24.75" customHeight="1" x14ac:dyDescent="0.25">
      <c r="E1" s="14"/>
      <c r="F1" s="14"/>
      <c r="G1" s="14"/>
      <c r="H1" s="14"/>
      <c r="I1" s="14"/>
      <c r="J1" s="14"/>
      <c r="K1" s="14"/>
      <c r="L1" s="14"/>
      <c r="M1" s="14"/>
      <c r="N1" s="14"/>
      <c r="O1" s="14"/>
    </row>
    <row r="3" spans="3:15" ht="27.75" customHeight="1" x14ac:dyDescent="0.25">
      <c r="C3" s="3" t="s">
        <v>5</v>
      </c>
      <c r="E3" s="3" t="s">
        <v>28</v>
      </c>
      <c r="F3" s="4"/>
      <c r="G3" s="3" t="s">
        <v>29</v>
      </c>
      <c r="H3" s="4"/>
      <c r="I3" s="3" t="s">
        <v>30</v>
      </c>
      <c r="J3" s="6"/>
      <c r="K3" s="3" t="s">
        <v>31</v>
      </c>
      <c r="L3" s="6"/>
      <c r="M3" s="3" t="s">
        <v>32</v>
      </c>
      <c r="N3" s="6"/>
      <c r="O3" s="3" t="s">
        <v>33</v>
      </c>
    </row>
    <row r="4" spans="3:15" ht="16.5" customHeight="1" thickBot="1" x14ac:dyDescent="0.3"/>
    <row r="5" spans="3:15" ht="26.25" customHeight="1" thickBot="1" x14ac:dyDescent="0.3">
      <c r="C5" s="32">
        <v>1</v>
      </c>
      <c r="E5" s="33" t="s">
        <v>28</v>
      </c>
      <c r="F5" s="8"/>
      <c r="G5" s="9" t="s">
        <v>34</v>
      </c>
      <c r="H5" s="8"/>
      <c r="I5" s="9" t="s">
        <v>36</v>
      </c>
      <c r="J5" s="8"/>
      <c r="K5" s="9" t="s">
        <v>37</v>
      </c>
      <c r="L5" s="8"/>
      <c r="M5" s="33" t="s">
        <v>32</v>
      </c>
      <c r="N5" s="8"/>
      <c r="O5" s="9" t="s">
        <v>39</v>
      </c>
    </row>
    <row r="6" spans="3:15" s="5" customFormat="1" ht="9" customHeight="1" thickBot="1" x14ac:dyDescent="0.3">
      <c r="C6" s="32"/>
      <c r="E6" s="34"/>
      <c r="F6" s="8"/>
      <c r="G6" s="8"/>
      <c r="H6" s="8"/>
      <c r="I6" s="8"/>
      <c r="J6" s="8"/>
      <c r="K6" s="8"/>
      <c r="L6" s="8"/>
      <c r="M6" s="34"/>
      <c r="N6" s="8"/>
      <c r="O6" s="8"/>
    </row>
    <row r="7" spans="3:15" ht="27" customHeight="1" thickBot="1" x14ac:dyDescent="0.3">
      <c r="C7" s="32"/>
      <c r="E7" s="35"/>
      <c r="F7" s="8"/>
      <c r="G7" s="9" t="s">
        <v>35</v>
      </c>
      <c r="H7" s="8"/>
      <c r="I7" s="9" t="s">
        <v>7</v>
      </c>
      <c r="J7" s="8"/>
      <c r="K7" s="9" t="s">
        <v>38</v>
      </c>
      <c r="L7" s="8"/>
      <c r="M7" s="35"/>
      <c r="N7" s="8"/>
      <c r="O7" s="9" t="s">
        <v>40</v>
      </c>
    </row>
    <row r="8" spans="3:15" ht="21.75" customHeight="1" thickBot="1" x14ac:dyDescent="0.3"/>
    <row r="9" spans="3:15" ht="26.25" customHeight="1" thickBot="1" x14ac:dyDescent="0.3">
      <c r="C9" s="32">
        <v>2</v>
      </c>
      <c r="E9" s="33" t="s">
        <v>28</v>
      </c>
      <c r="F9" s="8"/>
      <c r="G9" s="9" t="s">
        <v>34</v>
      </c>
      <c r="H9" s="8"/>
      <c r="I9" s="9" t="s">
        <v>36</v>
      </c>
      <c r="J9" s="8"/>
      <c r="K9" s="9" t="s">
        <v>37</v>
      </c>
      <c r="L9" s="8"/>
      <c r="M9" s="33" t="s">
        <v>32</v>
      </c>
      <c r="N9" s="8"/>
      <c r="O9" s="9" t="s">
        <v>39</v>
      </c>
    </row>
    <row r="10" spans="3:15" s="5" customFormat="1" ht="9" customHeight="1" thickBot="1" x14ac:dyDescent="0.3">
      <c r="C10" s="32"/>
      <c r="E10" s="34"/>
      <c r="F10" s="8"/>
      <c r="G10" s="8"/>
      <c r="H10" s="8"/>
      <c r="I10" s="8"/>
      <c r="J10" s="8"/>
      <c r="K10" s="8"/>
      <c r="L10" s="8"/>
      <c r="M10" s="34"/>
      <c r="N10" s="8"/>
      <c r="O10" s="8"/>
    </row>
    <row r="11" spans="3:15" ht="27" customHeight="1" thickBot="1" x14ac:dyDescent="0.3">
      <c r="C11" s="32"/>
      <c r="E11" s="35"/>
      <c r="F11" s="8"/>
      <c r="G11" s="9" t="s">
        <v>35</v>
      </c>
      <c r="H11" s="8"/>
      <c r="I11" s="9" t="s">
        <v>7</v>
      </c>
      <c r="J11" s="8"/>
      <c r="K11" s="9" t="s">
        <v>38</v>
      </c>
      <c r="L11" s="8"/>
      <c r="M11" s="35"/>
      <c r="N11" s="8"/>
      <c r="O11" s="9" t="s">
        <v>40</v>
      </c>
    </row>
    <row r="12" spans="3:15" ht="16.5" customHeight="1" thickBot="1" x14ac:dyDescent="0.3"/>
    <row r="13" spans="3:15" ht="26.25" customHeight="1" thickBot="1" x14ac:dyDescent="0.3">
      <c r="C13" s="32">
        <v>3</v>
      </c>
      <c r="E13" s="33" t="s">
        <v>28</v>
      </c>
      <c r="F13" s="8"/>
      <c r="G13" s="9" t="s">
        <v>34</v>
      </c>
      <c r="H13" s="8"/>
      <c r="I13" s="9" t="s">
        <v>36</v>
      </c>
      <c r="J13" s="8"/>
      <c r="K13" s="9" t="s">
        <v>37</v>
      </c>
      <c r="L13" s="8"/>
      <c r="M13" s="33" t="s">
        <v>32</v>
      </c>
      <c r="N13" s="8"/>
      <c r="O13" s="9" t="s">
        <v>39</v>
      </c>
    </row>
    <row r="14" spans="3:15" s="5" customFormat="1" ht="9" customHeight="1" thickBot="1" x14ac:dyDescent="0.3">
      <c r="C14" s="32"/>
      <c r="E14" s="34"/>
      <c r="F14" s="8"/>
      <c r="G14" s="8"/>
      <c r="H14" s="8"/>
      <c r="I14" s="8"/>
      <c r="J14" s="8"/>
      <c r="K14" s="8"/>
      <c r="L14" s="8"/>
      <c r="M14" s="34"/>
      <c r="N14" s="8"/>
      <c r="O14" s="8"/>
    </row>
    <row r="15" spans="3:15" ht="27" customHeight="1" thickBot="1" x14ac:dyDescent="0.3">
      <c r="C15" s="32"/>
      <c r="E15" s="35"/>
      <c r="F15" s="8"/>
      <c r="G15" s="9" t="s">
        <v>35</v>
      </c>
      <c r="H15" s="8"/>
      <c r="I15" s="9" t="s">
        <v>7</v>
      </c>
      <c r="J15" s="8"/>
      <c r="K15" s="9" t="s">
        <v>38</v>
      </c>
      <c r="L15" s="8"/>
      <c r="M15" s="35"/>
      <c r="N15" s="8"/>
      <c r="O15" s="9" t="s">
        <v>40</v>
      </c>
    </row>
    <row r="16" spans="3:15" ht="21.75" customHeight="1" thickBot="1" x14ac:dyDescent="0.3"/>
    <row r="17" spans="3:15" ht="26.25" customHeight="1" thickBot="1" x14ac:dyDescent="0.3">
      <c r="C17" s="32">
        <v>4</v>
      </c>
      <c r="E17" s="33" t="s">
        <v>28</v>
      </c>
      <c r="F17" s="8"/>
      <c r="G17" s="9" t="s">
        <v>34</v>
      </c>
      <c r="H17" s="8"/>
      <c r="I17" s="9" t="s">
        <v>36</v>
      </c>
      <c r="J17" s="8"/>
      <c r="K17" s="9" t="s">
        <v>37</v>
      </c>
      <c r="L17" s="8"/>
      <c r="M17" s="33" t="s">
        <v>32</v>
      </c>
      <c r="N17" s="8"/>
      <c r="O17" s="9" t="s">
        <v>39</v>
      </c>
    </row>
    <row r="18" spans="3:15" s="5" customFormat="1" ht="9" customHeight="1" thickBot="1" x14ac:dyDescent="0.3">
      <c r="C18" s="32"/>
      <c r="E18" s="34"/>
      <c r="F18" s="8"/>
      <c r="G18" s="8"/>
      <c r="H18" s="8"/>
      <c r="I18" s="8"/>
      <c r="J18" s="8"/>
      <c r="K18" s="8"/>
      <c r="L18" s="8"/>
      <c r="M18" s="34"/>
      <c r="N18" s="8"/>
      <c r="O18" s="8"/>
    </row>
    <row r="19" spans="3:15" ht="27" customHeight="1" thickBot="1" x14ac:dyDescent="0.3">
      <c r="C19" s="32"/>
      <c r="E19" s="35"/>
      <c r="F19" s="8"/>
      <c r="G19" s="9" t="s">
        <v>35</v>
      </c>
      <c r="H19" s="8"/>
      <c r="I19" s="9" t="s">
        <v>7</v>
      </c>
      <c r="J19" s="8"/>
      <c r="K19" s="9" t="s">
        <v>38</v>
      </c>
      <c r="L19" s="8"/>
      <c r="M19" s="35"/>
      <c r="N19" s="8"/>
      <c r="O19" s="9" t="s">
        <v>40</v>
      </c>
    </row>
    <row r="20" spans="3:15" ht="21.75" customHeight="1" thickBot="1" x14ac:dyDescent="0.3"/>
    <row r="21" spans="3:15" ht="26.25" customHeight="1" thickBot="1" x14ac:dyDescent="0.3">
      <c r="C21" s="32">
        <v>5</v>
      </c>
      <c r="E21" s="33" t="s">
        <v>28</v>
      </c>
      <c r="F21" s="8"/>
      <c r="G21" s="9" t="s">
        <v>34</v>
      </c>
      <c r="H21" s="8"/>
      <c r="I21" s="9" t="s">
        <v>36</v>
      </c>
      <c r="J21" s="8"/>
      <c r="K21" s="9" t="s">
        <v>37</v>
      </c>
      <c r="L21" s="8"/>
      <c r="M21" s="33" t="s">
        <v>32</v>
      </c>
      <c r="N21" s="8"/>
      <c r="O21" s="9" t="s">
        <v>39</v>
      </c>
    </row>
    <row r="22" spans="3:15" s="5" customFormat="1" ht="9" customHeight="1" thickBot="1" x14ac:dyDescent="0.3">
      <c r="C22" s="32"/>
      <c r="E22" s="34"/>
      <c r="F22" s="8"/>
      <c r="G22" s="8"/>
      <c r="H22" s="8"/>
      <c r="I22" s="8"/>
      <c r="J22" s="8"/>
      <c r="K22" s="8"/>
      <c r="L22" s="8"/>
      <c r="M22" s="34"/>
      <c r="N22" s="8"/>
      <c r="O22" s="8"/>
    </row>
    <row r="23" spans="3:15" ht="27" customHeight="1" thickBot="1" x14ac:dyDescent="0.3">
      <c r="C23" s="32"/>
      <c r="E23" s="35"/>
      <c r="F23" s="8"/>
      <c r="G23" s="9" t="s">
        <v>35</v>
      </c>
      <c r="H23" s="8"/>
      <c r="I23" s="9" t="s">
        <v>7</v>
      </c>
      <c r="J23" s="8"/>
      <c r="K23" s="9" t="s">
        <v>38</v>
      </c>
      <c r="L23" s="8"/>
      <c r="M23" s="35"/>
      <c r="N23" s="8"/>
      <c r="O23" s="9" t="s">
        <v>40</v>
      </c>
    </row>
    <row r="24" spans="3:15" ht="21.75" customHeight="1" thickBot="1" x14ac:dyDescent="0.3"/>
    <row r="25" spans="3:15" ht="26.25" customHeight="1" thickBot="1" x14ac:dyDescent="0.3">
      <c r="C25" s="32">
        <v>6</v>
      </c>
      <c r="E25" s="33" t="s">
        <v>28</v>
      </c>
      <c r="F25" s="8"/>
      <c r="G25" s="9" t="s">
        <v>34</v>
      </c>
      <c r="H25" s="8"/>
      <c r="I25" s="9" t="s">
        <v>36</v>
      </c>
      <c r="J25" s="8"/>
      <c r="K25" s="9" t="s">
        <v>37</v>
      </c>
      <c r="L25" s="8"/>
      <c r="M25" s="33" t="s">
        <v>32</v>
      </c>
      <c r="N25" s="8"/>
      <c r="O25" s="9" t="s">
        <v>39</v>
      </c>
    </row>
    <row r="26" spans="3:15" s="5" customFormat="1" ht="9" customHeight="1" thickBot="1" x14ac:dyDescent="0.3">
      <c r="C26" s="32"/>
      <c r="E26" s="34"/>
      <c r="F26" s="8"/>
      <c r="G26" s="8"/>
      <c r="H26" s="8"/>
      <c r="I26" s="8"/>
      <c r="J26" s="8"/>
      <c r="K26" s="8"/>
      <c r="L26" s="8"/>
      <c r="M26" s="34"/>
      <c r="N26" s="8"/>
      <c r="O26" s="8"/>
    </row>
    <row r="27" spans="3:15" ht="27" customHeight="1" thickBot="1" x14ac:dyDescent="0.3">
      <c r="C27" s="32"/>
      <c r="E27" s="35"/>
      <c r="F27" s="8"/>
      <c r="G27" s="9" t="s">
        <v>35</v>
      </c>
      <c r="H27" s="8"/>
      <c r="I27" s="9" t="s">
        <v>7</v>
      </c>
      <c r="J27" s="8"/>
      <c r="K27" s="9" t="s">
        <v>38</v>
      </c>
      <c r="L27" s="8"/>
      <c r="M27" s="35"/>
      <c r="N27" s="8"/>
      <c r="O27" s="9" t="s">
        <v>40</v>
      </c>
    </row>
    <row r="28" spans="3:15" ht="16.5" customHeight="1" thickBot="1" x14ac:dyDescent="0.3"/>
    <row r="29" spans="3:15" ht="26.25" customHeight="1" thickBot="1" x14ac:dyDescent="0.3">
      <c r="C29" s="32">
        <v>7</v>
      </c>
      <c r="E29" s="33" t="s">
        <v>28</v>
      </c>
      <c r="F29" s="8"/>
      <c r="G29" s="9" t="s">
        <v>34</v>
      </c>
      <c r="H29" s="8"/>
      <c r="I29" s="9" t="s">
        <v>36</v>
      </c>
      <c r="J29" s="8"/>
      <c r="K29" s="9" t="s">
        <v>37</v>
      </c>
      <c r="L29" s="8"/>
      <c r="M29" s="33" t="s">
        <v>32</v>
      </c>
      <c r="N29" s="8"/>
      <c r="O29" s="9" t="s">
        <v>39</v>
      </c>
    </row>
    <row r="30" spans="3:15" s="5" customFormat="1" ht="9" customHeight="1" thickBot="1" x14ac:dyDescent="0.3">
      <c r="C30" s="32"/>
      <c r="E30" s="34"/>
      <c r="F30" s="8"/>
      <c r="G30" s="8"/>
      <c r="H30" s="8"/>
      <c r="I30" s="8"/>
      <c r="J30" s="8"/>
      <c r="K30" s="8"/>
      <c r="L30" s="8"/>
      <c r="M30" s="34"/>
      <c r="N30" s="8"/>
      <c r="O30" s="8"/>
    </row>
    <row r="31" spans="3:15" ht="27" customHeight="1" thickBot="1" x14ac:dyDescent="0.3">
      <c r="C31" s="32"/>
      <c r="E31" s="35"/>
      <c r="F31" s="8"/>
      <c r="G31" s="9" t="s">
        <v>35</v>
      </c>
      <c r="H31" s="8"/>
      <c r="I31" s="9" t="s">
        <v>7</v>
      </c>
      <c r="J31" s="8"/>
      <c r="K31" s="9" t="s">
        <v>38</v>
      </c>
      <c r="L31" s="8"/>
      <c r="M31" s="35"/>
      <c r="N31" s="8"/>
      <c r="O31" s="9" t="s">
        <v>40</v>
      </c>
    </row>
    <row r="32" spans="3:15" ht="21.75" customHeight="1" thickBot="1" x14ac:dyDescent="0.3"/>
    <row r="33" spans="3:15" ht="26.25" customHeight="1" thickBot="1" x14ac:dyDescent="0.3">
      <c r="C33" s="32">
        <v>8</v>
      </c>
      <c r="E33" s="33" t="s">
        <v>28</v>
      </c>
      <c r="F33" s="8"/>
      <c r="G33" s="9" t="s">
        <v>34</v>
      </c>
      <c r="H33" s="8"/>
      <c r="I33" s="9" t="s">
        <v>36</v>
      </c>
      <c r="J33" s="8"/>
      <c r="K33" s="9" t="s">
        <v>37</v>
      </c>
      <c r="L33" s="8"/>
      <c r="M33" s="33" t="s">
        <v>32</v>
      </c>
      <c r="N33" s="8"/>
      <c r="O33" s="9" t="s">
        <v>39</v>
      </c>
    </row>
    <row r="34" spans="3:15" s="5" customFormat="1" ht="9" customHeight="1" thickBot="1" x14ac:dyDescent="0.3">
      <c r="C34" s="32"/>
      <c r="E34" s="34"/>
      <c r="F34" s="8"/>
      <c r="G34" s="8"/>
      <c r="H34" s="8"/>
      <c r="I34" s="8"/>
      <c r="J34" s="8"/>
      <c r="K34" s="8"/>
      <c r="L34" s="8"/>
      <c r="M34" s="34"/>
      <c r="N34" s="8"/>
      <c r="O34" s="8"/>
    </row>
    <row r="35" spans="3:15" ht="27" customHeight="1" thickBot="1" x14ac:dyDescent="0.3">
      <c r="C35" s="32"/>
      <c r="E35" s="35"/>
      <c r="F35" s="8"/>
      <c r="G35" s="9" t="s">
        <v>35</v>
      </c>
      <c r="H35" s="8"/>
      <c r="I35" s="9" t="s">
        <v>7</v>
      </c>
      <c r="J35" s="8"/>
      <c r="K35" s="9" t="s">
        <v>38</v>
      </c>
      <c r="L35" s="8"/>
      <c r="M35" s="35"/>
      <c r="N35" s="8"/>
      <c r="O35" s="9" t="s">
        <v>40</v>
      </c>
    </row>
    <row r="36" spans="3:15" ht="21.75" customHeight="1" thickBot="1" x14ac:dyDescent="0.3"/>
    <row r="37" spans="3:15" ht="26.25" customHeight="1" thickBot="1" x14ac:dyDescent="0.3">
      <c r="C37" s="32">
        <v>9</v>
      </c>
      <c r="E37" s="33" t="s">
        <v>28</v>
      </c>
      <c r="F37" s="8"/>
      <c r="G37" s="9" t="s">
        <v>34</v>
      </c>
      <c r="H37" s="8"/>
      <c r="I37" s="9" t="s">
        <v>36</v>
      </c>
      <c r="J37" s="8"/>
      <c r="K37" s="9" t="s">
        <v>37</v>
      </c>
      <c r="L37" s="8"/>
      <c r="M37" s="33" t="s">
        <v>32</v>
      </c>
      <c r="N37" s="8"/>
      <c r="O37" s="9" t="s">
        <v>39</v>
      </c>
    </row>
    <row r="38" spans="3:15" s="5" customFormat="1" ht="9" customHeight="1" thickBot="1" x14ac:dyDescent="0.3">
      <c r="C38" s="32"/>
      <c r="E38" s="34"/>
      <c r="F38" s="8"/>
      <c r="G38" s="8"/>
      <c r="H38" s="8"/>
      <c r="I38" s="8"/>
      <c r="J38" s="8"/>
      <c r="K38" s="8"/>
      <c r="L38" s="8"/>
      <c r="M38" s="34"/>
      <c r="N38" s="8"/>
      <c r="O38" s="8"/>
    </row>
    <row r="39" spans="3:15" ht="27" customHeight="1" thickBot="1" x14ac:dyDescent="0.3">
      <c r="C39" s="32"/>
      <c r="E39" s="35"/>
      <c r="F39" s="8"/>
      <c r="G39" s="9" t="s">
        <v>35</v>
      </c>
      <c r="H39" s="8"/>
      <c r="I39" s="9" t="s">
        <v>7</v>
      </c>
      <c r="J39" s="8"/>
      <c r="K39" s="9" t="s">
        <v>38</v>
      </c>
      <c r="L39" s="8"/>
      <c r="M39" s="35"/>
      <c r="N39" s="8"/>
      <c r="O39" s="9" t="s">
        <v>40</v>
      </c>
    </row>
    <row r="40" spans="3:15" ht="21.75" customHeight="1" thickBot="1" x14ac:dyDescent="0.3"/>
    <row r="41" spans="3:15" ht="26.25" customHeight="1" thickBot="1" x14ac:dyDescent="0.3">
      <c r="C41" s="32">
        <v>10</v>
      </c>
      <c r="E41" s="33" t="s">
        <v>28</v>
      </c>
      <c r="F41" s="8"/>
      <c r="G41" s="9" t="s">
        <v>34</v>
      </c>
      <c r="H41" s="8"/>
      <c r="I41" s="9" t="s">
        <v>36</v>
      </c>
      <c r="J41" s="8"/>
      <c r="K41" s="9" t="s">
        <v>37</v>
      </c>
      <c r="L41" s="8"/>
      <c r="M41" s="33" t="s">
        <v>32</v>
      </c>
      <c r="N41" s="8"/>
      <c r="O41" s="9" t="s">
        <v>39</v>
      </c>
    </row>
    <row r="42" spans="3:15" s="5" customFormat="1" ht="9" customHeight="1" thickBot="1" x14ac:dyDescent="0.3">
      <c r="C42" s="32"/>
      <c r="E42" s="34"/>
      <c r="F42" s="8"/>
      <c r="G42" s="8"/>
      <c r="H42" s="8"/>
      <c r="I42" s="8"/>
      <c r="J42" s="8"/>
      <c r="K42" s="8"/>
      <c r="L42" s="8"/>
      <c r="M42" s="34"/>
      <c r="N42" s="8"/>
      <c r="O42" s="8"/>
    </row>
    <row r="43" spans="3:15" ht="27" customHeight="1" thickBot="1" x14ac:dyDescent="0.3">
      <c r="C43" s="32"/>
      <c r="E43" s="35"/>
      <c r="F43" s="8"/>
      <c r="G43" s="9" t="s">
        <v>35</v>
      </c>
      <c r="H43" s="8"/>
      <c r="I43" s="9" t="s">
        <v>7</v>
      </c>
      <c r="J43" s="8"/>
      <c r="K43" s="9" t="s">
        <v>38</v>
      </c>
      <c r="L43" s="8"/>
      <c r="M43" s="35"/>
      <c r="N43" s="8"/>
      <c r="O43" s="9" t="s">
        <v>40</v>
      </c>
    </row>
    <row r="44" spans="3:15" ht="16.5" customHeight="1" thickBot="1" x14ac:dyDescent="0.3"/>
    <row r="45" spans="3:15" ht="26.25" customHeight="1" thickBot="1" x14ac:dyDescent="0.3">
      <c r="C45" s="32">
        <v>11</v>
      </c>
      <c r="E45" s="33" t="s">
        <v>28</v>
      </c>
      <c r="F45" s="8"/>
      <c r="G45" s="9" t="s">
        <v>34</v>
      </c>
      <c r="H45" s="8"/>
      <c r="I45" s="9" t="s">
        <v>36</v>
      </c>
      <c r="J45" s="8"/>
      <c r="K45" s="9" t="s">
        <v>37</v>
      </c>
      <c r="L45" s="8"/>
      <c r="M45" s="33" t="s">
        <v>32</v>
      </c>
      <c r="N45" s="8"/>
      <c r="O45" s="9" t="s">
        <v>39</v>
      </c>
    </row>
    <row r="46" spans="3:15" s="5" customFormat="1" ht="9" customHeight="1" thickBot="1" x14ac:dyDescent="0.3">
      <c r="C46" s="32"/>
      <c r="E46" s="34"/>
      <c r="F46" s="8"/>
      <c r="G46" s="8"/>
      <c r="H46" s="8"/>
      <c r="I46" s="8"/>
      <c r="J46" s="8"/>
      <c r="K46" s="8"/>
      <c r="L46" s="8"/>
      <c r="M46" s="34"/>
      <c r="N46" s="8"/>
      <c r="O46" s="8"/>
    </row>
    <row r="47" spans="3:15" ht="27" customHeight="1" thickBot="1" x14ac:dyDescent="0.3">
      <c r="C47" s="32"/>
      <c r="E47" s="35"/>
      <c r="F47" s="8"/>
      <c r="G47" s="9" t="s">
        <v>35</v>
      </c>
      <c r="H47" s="8"/>
      <c r="I47" s="9" t="s">
        <v>7</v>
      </c>
      <c r="J47" s="8"/>
      <c r="K47" s="9" t="s">
        <v>38</v>
      </c>
      <c r="L47" s="8"/>
      <c r="M47" s="35"/>
      <c r="N47" s="8"/>
      <c r="O47" s="9" t="s">
        <v>40</v>
      </c>
    </row>
    <row r="48" spans="3:15" ht="21.75" customHeight="1" thickBot="1" x14ac:dyDescent="0.3"/>
    <row r="49" spans="3:15" ht="26.25" customHeight="1" thickBot="1" x14ac:dyDescent="0.3">
      <c r="C49" s="32">
        <v>12</v>
      </c>
      <c r="E49" s="33" t="s">
        <v>28</v>
      </c>
      <c r="F49" s="8"/>
      <c r="G49" s="9" t="s">
        <v>34</v>
      </c>
      <c r="H49" s="8"/>
      <c r="I49" s="9" t="s">
        <v>36</v>
      </c>
      <c r="J49" s="8"/>
      <c r="K49" s="9" t="s">
        <v>37</v>
      </c>
      <c r="L49" s="8"/>
      <c r="M49" s="33" t="s">
        <v>32</v>
      </c>
      <c r="N49" s="8"/>
      <c r="O49" s="9" t="s">
        <v>39</v>
      </c>
    </row>
    <row r="50" spans="3:15" s="5" customFormat="1" ht="9" customHeight="1" thickBot="1" x14ac:dyDescent="0.3">
      <c r="C50" s="32"/>
      <c r="E50" s="34"/>
      <c r="F50" s="8"/>
      <c r="G50" s="8"/>
      <c r="H50" s="8"/>
      <c r="I50" s="8"/>
      <c r="J50" s="8"/>
      <c r="K50" s="8"/>
      <c r="L50" s="8"/>
      <c r="M50" s="34"/>
      <c r="N50" s="8"/>
      <c r="O50" s="8"/>
    </row>
    <row r="51" spans="3:15" ht="27" customHeight="1" thickBot="1" x14ac:dyDescent="0.3">
      <c r="C51" s="32"/>
      <c r="E51" s="35"/>
      <c r="F51" s="8"/>
      <c r="G51" s="9" t="s">
        <v>35</v>
      </c>
      <c r="H51" s="8"/>
      <c r="I51" s="9" t="s">
        <v>7</v>
      </c>
      <c r="J51" s="8"/>
      <c r="K51" s="9" t="s">
        <v>38</v>
      </c>
      <c r="L51" s="8"/>
      <c r="M51" s="35"/>
      <c r="N51" s="8"/>
      <c r="O51" s="9" t="s">
        <v>40</v>
      </c>
    </row>
    <row r="52" spans="3:15" ht="21.75" customHeight="1" thickBot="1" x14ac:dyDescent="0.3"/>
    <row r="53" spans="3:15" ht="26.25" customHeight="1" thickBot="1" x14ac:dyDescent="0.3">
      <c r="C53" s="32">
        <v>13</v>
      </c>
      <c r="E53" s="33" t="s">
        <v>28</v>
      </c>
      <c r="F53" s="8"/>
      <c r="G53" s="9" t="s">
        <v>34</v>
      </c>
      <c r="H53" s="8"/>
      <c r="I53" s="9" t="s">
        <v>36</v>
      </c>
      <c r="J53" s="8"/>
      <c r="K53" s="9" t="s">
        <v>37</v>
      </c>
      <c r="L53" s="8"/>
      <c r="M53" s="33" t="s">
        <v>32</v>
      </c>
      <c r="N53" s="8"/>
      <c r="O53" s="9" t="s">
        <v>39</v>
      </c>
    </row>
    <row r="54" spans="3:15" s="5" customFormat="1" ht="9" customHeight="1" thickBot="1" x14ac:dyDescent="0.3">
      <c r="C54" s="32"/>
      <c r="E54" s="34"/>
      <c r="F54" s="8"/>
      <c r="G54" s="8"/>
      <c r="H54" s="8"/>
      <c r="I54" s="8"/>
      <c r="J54" s="8"/>
      <c r="K54" s="8"/>
      <c r="L54" s="8"/>
      <c r="M54" s="34"/>
      <c r="N54" s="8"/>
      <c r="O54" s="8"/>
    </row>
    <row r="55" spans="3:15" ht="27" customHeight="1" thickBot="1" x14ac:dyDescent="0.3">
      <c r="C55" s="32"/>
      <c r="E55" s="35"/>
      <c r="F55" s="8"/>
      <c r="G55" s="9" t="s">
        <v>35</v>
      </c>
      <c r="H55" s="8"/>
      <c r="I55" s="9" t="s">
        <v>7</v>
      </c>
      <c r="J55" s="8"/>
      <c r="K55" s="9" t="s">
        <v>38</v>
      </c>
      <c r="L55" s="8"/>
      <c r="M55" s="35"/>
      <c r="N55" s="8"/>
      <c r="O55" s="9" t="s">
        <v>40</v>
      </c>
    </row>
    <row r="56" spans="3:15" ht="21.75" customHeight="1" thickBot="1" x14ac:dyDescent="0.3"/>
    <row r="57" spans="3:15" ht="26.25" customHeight="1" thickBot="1" x14ac:dyDescent="0.3">
      <c r="C57" s="32">
        <v>14</v>
      </c>
      <c r="E57" s="33" t="s">
        <v>28</v>
      </c>
      <c r="F57" s="8"/>
      <c r="G57" s="9" t="s">
        <v>34</v>
      </c>
      <c r="H57" s="8"/>
      <c r="I57" s="9" t="s">
        <v>36</v>
      </c>
      <c r="J57" s="8"/>
      <c r="K57" s="9" t="s">
        <v>37</v>
      </c>
      <c r="L57" s="8"/>
      <c r="M57" s="33" t="s">
        <v>32</v>
      </c>
      <c r="N57" s="8"/>
      <c r="O57" s="9" t="s">
        <v>39</v>
      </c>
    </row>
    <row r="58" spans="3:15" s="5" customFormat="1" ht="9" customHeight="1" thickBot="1" x14ac:dyDescent="0.3">
      <c r="C58" s="32"/>
      <c r="E58" s="34"/>
      <c r="F58" s="8"/>
      <c r="G58" s="8"/>
      <c r="H58" s="8"/>
      <c r="I58" s="8"/>
      <c r="J58" s="8"/>
      <c r="K58" s="8"/>
      <c r="L58" s="8"/>
      <c r="M58" s="34"/>
      <c r="N58" s="8"/>
      <c r="O58" s="8"/>
    </row>
    <row r="59" spans="3:15" ht="27" customHeight="1" thickBot="1" x14ac:dyDescent="0.3">
      <c r="C59" s="32"/>
      <c r="E59" s="35"/>
      <c r="F59" s="8"/>
      <c r="G59" s="9" t="s">
        <v>35</v>
      </c>
      <c r="H59" s="8"/>
      <c r="I59" s="9" t="s">
        <v>7</v>
      </c>
      <c r="J59" s="8"/>
      <c r="K59" s="9" t="s">
        <v>38</v>
      </c>
      <c r="L59" s="8"/>
      <c r="M59" s="35"/>
      <c r="N59" s="8"/>
      <c r="O59" s="9" t="s">
        <v>40</v>
      </c>
    </row>
    <row r="60" spans="3:15" ht="16.5" customHeight="1" thickBot="1" x14ac:dyDescent="0.3"/>
    <row r="61" spans="3:15" ht="26.25" customHeight="1" thickBot="1" x14ac:dyDescent="0.3">
      <c r="C61" s="32">
        <v>15</v>
      </c>
      <c r="E61" s="33" t="s">
        <v>28</v>
      </c>
      <c r="F61" s="8"/>
      <c r="G61" s="9" t="s">
        <v>34</v>
      </c>
      <c r="H61" s="8"/>
      <c r="I61" s="9" t="s">
        <v>36</v>
      </c>
      <c r="J61" s="8"/>
      <c r="K61" s="9" t="s">
        <v>37</v>
      </c>
      <c r="L61" s="8"/>
      <c r="M61" s="33" t="s">
        <v>32</v>
      </c>
      <c r="N61" s="8"/>
      <c r="O61" s="9" t="s">
        <v>39</v>
      </c>
    </row>
    <row r="62" spans="3:15" s="5" customFormat="1" ht="9" customHeight="1" thickBot="1" x14ac:dyDescent="0.3">
      <c r="C62" s="32"/>
      <c r="E62" s="34"/>
      <c r="F62" s="8"/>
      <c r="G62" s="8"/>
      <c r="H62" s="8"/>
      <c r="I62" s="8"/>
      <c r="J62" s="8"/>
      <c r="K62" s="8"/>
      <c r="L62" s="8"/>
      <c r="M62" s="34"/>
      <c r="N62" s="8"/>
      <c r="O62" s="8"/>
    </row>
    <row r="63" spans="3:15" ht="27" customHeight="1" thickBot="1" x14ac:dyDescent="0.3">
      <c r="C63" s="32"/>
      <c r="E63" s="35"/>
      <c r="F63" s="8"/>
      <c r="G63" s="9" t="s">
        <v>35</v>
      </c>
      <c r="H63" s="8"/>
      <c r="I63" s="9" t="s">
        <v>7</v>
      </c>
      <c r="J63" s="8"/>
      <c r="K63" s="9" t="s">
        <v>38</v>
      </c>
      <c r="L63" s="8"/>
      <c r="M63" s="35"/>
      <c r="N63" s="8"/>
      <c r="O63" s="9" t="s">
        <v>40</v>
      </c>
    </row>
    <row r="64" spans="3:15" ht="21.75" customHeight="1" thickBot="1" x14ac:dyDescent="0.3"/>
    <row r="65" spans="3:15" ht="26.25" customHeight="1" thickBot="1" x14ac:dyDescent="0.3">
      <c r="C65" s="32">
        <v>16</v>
      </c>
      <c r="E65" s="33" t="s">
        <v>28</v>
      </c>
      <c r="F65" s="8"/>
      <c r="G65" s="9" t="s">
        <v>34</v>
      </c>
      <c r="H65" s="8"/>
      <c r="I65" s="9" t="s">
        <v>36</v>
      </c>
      <c r="J65" s="8"/>
      <c r="K65" s="9" t="s">
        <v>37</v>
      </c>
      <c r="L65" s="8"/>
      <c r="M65" s="33" t="s">
        <v>32</v>
      </c>
      <c r="N65" s="8"/>
      <c r="O65" s="9" t="s">
        <v>39</v>
      </c>
    </row>
    <row r="66" spans="3:15" s="5" customFormat="1" ht="9" customHeight="1" thickBot="1" x14ac:dyDescent="0.3">
      <c r="C66" s="32"/>
      <c r="E66" s="34"/>
      <c r="F66" s="8"/>
      <c r="G66" s="8"/>
      <c r="H66" s="8"/>
      <c r="I66" s="8"/>
      <c r="J66" s="8"/>
      <c r="K66" s="8"/>
      <c r="L66" s="8"/>
      <c r="M66" s="34"/>
      <c r="N66" s="8"/>
      <c r="O66" s="8"/>
    </row>
    <row r="67" spans="3:15" ht="27" customHeight="1" thickBot="1" x14ac:dyDescent="0.3">
      <c r="C67" s="32"/>
      <c r="E67" s="35"/>
      <c r="F67" s="8"/>
      <c r="G67" s="9" t="s">
        <v>35</v>
      </c>
      <c r="H67" s="8"/>
      <c r="I67" s="9" t="s">
        <v>7</v>
      </c>
      <c r="J67" s="8"/>
      <c r="K67" s="9" t="s">
        <v>38</v>
      </c>
      <c r="L67" s="8"/>
      <c r="M67" s="35"/>
      <c r="N67" s="8"/>
      <c r="O67" s="9" t="s">
        <v>40</v>
      </c>
    </row>
    <row r="68" spans="3:15" ht="21.75" customHeight="1" thickBot="1" x14ac:dyDescent="0.3"/>
    <row r="69" spans="3:15" ht="26.25" customHeight="1" thickBot="1" x14ac:dyDescent="0.3">
      <c r="C69" s="32">
        <v>17</v>
      </c>
      <c r="E69" s="33" t="s">
        <v>28</v>
      </c>
      <c r="F69" s="8"/>
      <c r="G69" s="9" t="s">
        <v>34</v>
      </c>
      <c r="H69" s="8"/>
      <c r="I69" s="9" t="s">
        <v>36</v>
      </c>
      <c r="J69" s="8"/>
      <c r="K69" s="9" t="s">
        <v>37</v>
      </c>
      <c r="L69" s="8"/>
      <c r="M69" s="33" t="s">
        <v>32</v>
      </c>
      <c r="N69" s="8"/>
      <c r="O69" s="9" t="s">
        <v>39</v>
      </c>
    </row>
    <row r="70" spans="3:15" s="5" customFormat="1" ht="9" customHeight="1" thickBot="1" x14ac:dyDescent="0.3">
      <c r="C70" s="32"/>
      <c r="E70" s="34"/>
      <c r="F70" s="8"/>
      <c r="G70" s="8"/>
      <c r="H70" s="8"/>
      <c r="I70" s="8"/>
      <c r="J70" s="8"/>
      <c r="K70" s="8"/>
      <c r="L70" s="8"/>
      <c r="M70" s="34"/>
      <c r="N70" s="8"/>
      <c r="O70" s="8"/>
    </row>
    <row r="71" spans="3:15" ht="27" customHeight="1" thickBot="1" x14ac:dyDescent="0.3">
      <c r="C71" s="32"/>
      <c r="E71" s="35"/>
      <c r="F71" s="8"/>
      <c r="G71" s="9" t="s">
        <v>35</v>
      </c>
      <c r="H71" s="8"/>
      <c r="I71" s="9" t="s">
        <v>7</v>
      </c>
      <c r="J71" s="8"/>
      <c r="K71" s="9" t="s">
        <v>38</v>
      </c>
      <c r="L71" s="8"/>
      <c r="M71" s="35"/>
      <c r="N71" s="8"/>
      <c r="O71" s="9" t="s">
        <v>40</v>
      </c>
    </row>
    <row r="72" spans="3:15" ht="21.75" customHeight="1" thickBot="1" x14ac:dyDescent="0.3"/>
    <row r="73" spans="3:15" ht="26.25" customHeight="1" thickBot="1" x14ac:dyDescent="0.3">
      <c r="C73" s="32">
        <v>18</v>
      </c>
      <c r="E73" s="33" t="s">
        <v>28</v>
      </c>
      <c r="F73" s="8"/>
      <c r="G73" s="9" t="s">
        <v>34</v>
      </c>
      <c r="H73" s="8"/>
      <c r="I73" s="9" t="s">
        <v>36</v>
      </c>
      <c r="J73" s="8"/>
      <c r="K73" s="9" t="s">
        <v>37</v>
      </c>
      <c r="L73" s="8"/>
      <c r="M73" s="33" t="s">
        <v>32</v>
      </c>
      <c r="N73" s="8"/>
      <c r="O73" s="9" t="s">
        <v>39</v>
      </c>
    </row>
    <row r="74" spans="3:15" s="5" customFormat="1" ht="9" customHeight="1" thickBot="1" x14ac:dyDescent="0.3">
      <c r="C74" s="32"/>
      <c r="E74" s="34"/>
      <c r="F74" s="8"/>
      <c r="G74" s="8"/>
      <c r="H74" s="8"/>
      <c r="I74" s="8"/>
      <c r="J74" s="8"/>
      <c r="K74" s="8"/>
      <c r="L74" s="8"/>
      <c r="M74" s="34"/>
      <c r="N74" s="8"/>
      <c r="O74" s="8"/>
    </row>
    <row r="75" spans="3:15" ht="27" customHeight="1" thickBot="1" x14ac:dyDescent="0.3">
      <c r="C75" s="32"/>
      <c r="E75" s="35"/>
      <c r="F75" s="8"/>
      <c r="G75" s="9" t="s">
        <v>35</v>
      </c>
      <c r="H75" s="8"/>
      <c r="I75" s="9" t="s">
        <v>7</v>
      </c>
      <c r="J75" s="8"/>
      <c r="K75" s="9" t="s">
        <v>38</v>
      </c>
      <c r="L75" s="8"/>
      <c r="M75" s="35"/>
      <c r="N75" s="8"/>
      <c r="O75" s="9" t="s">
        <v>40</v>
      </c>
    </row>
    <row r="76" spans="3:15" ht="21.75" customHeight="1" thickBot="1" x14ac:dyDescent="0.3"/>
    <row r="77" spans="3:15" ht="26.25" customHeight="1" thickBot="1" x14ac:dyDescent="0.3">
      <c r="C77" s="32">
        <v>19</v>
      </c>
      <c r="E77" s="33" t="s">
        <v>28</v>
      </c>
      <c r="F77" s="8"/>
      <c r="G77" s="9" t="s">
        <v>34</v>
      </c>
      <c r="H77" s="8"/>
      <c r="I77" s="9" t="s">
        <v>36</v>
      </c>
      <c r="J77" s="8"/>
      <c r="K77" s="9" t="s">
        <v>37</v>
      </c>
      <c r="L77" s="8"/>
      <c r="M77" s="33" t="s">
        <v>32</v>
      </c>
      <c r="N77" s="8"/>
      <c r="O77" s="9" t="s">
        <v>39</v>
      </c>
    </row>
    <row r="78" spans="3:15" s="5" customFormat="1" ht="9" customHeight="1" thickBot="1" x14ac:dyDescent="0.3">
      <c r="C78" s="32"/>
      <c r="E78" s="34"/>
      <c r="F78" s="8"/>
      <c r="G78" s="8"/>
      <c r="H78" s="8"/>
      <c r="I78" s="8"/>
      <c r="J78" s="8"/>
      <c r="K78" s="8"/>
      <c r="L78" s="8"/>
      <c r="M78" s="34"/>
      <c r="N78" s="8"/>
      <c r="O78" s="8"/>
    </row>
    <row r="79" spans="3:15" ht="27" customHeight="1" thickBot="1" x14ac:dyDescent="0.3">
      <c r="C79" s="32"/>
      <c r="E79" s="35"/>
      <c r="F79" s="8"/>
      <c r="G79" s="9" t="s">
        <v>35</v>
      </c>
      <c r="H79" s="8"/>
      <c r="I79" s="9" t="s">
        <v>7</v>
      </c>
      <c r="J79" s="8"/>
      <c r="K79" s="9" t="s">
        <v>38</v>
      </c>
      <c r="L79" s="8"/>
      <c r="M79" s="35"/>
      <c r="N79" s="8"/>
      <c r="O79" s="9" t="s">
        <v>40</v>
      </c>
    </row>
    <row r="80" spans="3:15" ht="21.75" customHeight="1" thickBot="1" x14ac:dyDescent="0.3"/>
    <row r="81" spans="3:15" ht="26.25" customHeight="1" thickBot="1" x14ac:dyDescent="0.3">
      <c r="C81" s="32">
        <v>20</v>
      </c>
      <c r="E81" s="33" t="s">
        <v>28</v>
      </c>
      <c r="F81" s="8"/>
      <c r="G81" s="9" t="s">
        <v>34</v>
      </c>
      <c r="H81" s="8"/>
      <c r="I81" s="9" t="s">
        <v>36</v>
      </c>
      <c r="J81" s="8"/>
      <c r="K81" s="9" t="s">
        <v>37</v>
      </c>
      <c r="L81" s="8"/>
      <c r="M81" s="33" t="s">
        <v>32</v>
      </c>
      <c r="N81" s="8"/>
      <c r="O81" s="9" t="s">
        <v>39</v>
      </c>
    </row>
    <row r="82" spans="3:15" s="5" customFormat="1" ht="9" customHeight="1" thickBot="1" x14ac:dyDescent="0.3">
      <c r="C82" s="32"/>
      <c r="E82" s="34"/>
      <c r="F82" s="8"/>
      <c r="G82" s="8"/>
      <c r="H82" s="8"/>
      <c r="I82" s="8"/>
      <c r="J82" s="8"/>
      <c r="K82" s="8"/>
      <c r="L82" s="8"/>
      <c r="M82" s="34"/>
      <c r="N82" s="8"/>
      <c r="O82" s="8"/>
    </row>
    <row r="83" spans="3:15" ht="27" customHeight="1" thickBot="1" x14ac:dyDescent="0.3">
      <c r="C83" s="32"/>
      <c r="E83" s="35"/>
      <c r="F83" s="8"/>
      <c r="G83" s="9" t="s">
        <v>35</v>
      </c>
      <c r="H83" s="8"/>
      <c r="I83" s="9" t="s">
        <v>7</v>
      </c>
      <c r="J83" s="8"/>
      <c r="K83" s="9" t="s">
        <v>38</v>
      </c>
      <c r="L83" s="8"/>
      <c r="M83" s="35"/>
      <c r="N83" s="8"/>
      <c r="O83" s="9" t="s">
        <v>40</v>
      </c>
    </row>
    <row r="84" spans="3:15" ht="21.75" customHeight="1" thickBot="1" x14ac:dyDescent="0.3"/>
    <row r="85" spans="3:15" ht="26.25" customHeight="1" thickBot="1" x14ac:dyDescent="0.3">
      <c r="C85" s="32">
        <v>21</v>
      </c>
      <c r="E85" s="33" t="s">
        <v>28</v>
      </c>
      <c r="F85" s="8"/>
      <c r="G85" s="9" t="s">
        <v>34</v>
      </c>
      <c r="H85" s="8"/>
      <c r="I85" s="9" t="s">
        <v>36</v>
      </c>
      <c r="J85" s="8"/>
      <c r="K85" s="9" t="s">
        <v>37</v>
      </c>
      <c r="L85" s="8"/>
      <c r="M85" s="33" t="s">
        <v>32</v>
      </c>
      <c r="N85" s="8"/>
      <c r="O85" s="9" t="s">
        <v>39</v>
      </c>
    </row>
    <row r="86" spans="3:15" s="5" customFormat="1" ht="9" customHeight="1" thickBot="1" x14ac:dyDescent="0.3">
      <c r="C86" s="32"/>
      <c r="E86" s="34"/>
      <c r="F86" s="8"/>
      <c r="G86" s="8"/>
      <c r="H86" s="8"/>
      <c r="I86" s="8"/>
      <c r="J86" s="8"/>
      <c r="K86" s="8"/>
      <c r="L86" s="8"/>
      <c r="M86" s="34"/>
      <c r="N86" s="8"/>
      <c r="O86" s="8"/>
    </row>
    <row r="87" spans="3:15" ht="27" customHeight="1" thickBot="1" x14ac:dyDescent="0.3">
      <c r="C87" s="32"/>
      <c r="E87" s="35"/>
      <c r="F87" s="8"/>
      <c r="G87" s="9" t="s">
        <v>35</v>
      </c>
      <c r="H87" s="8"/>
      <c r="I87" s="9" t="s">
        <v>7</v>
      </c>
      <c r="J87" s="8"/>
      <c r="K87" s="9" t="s">
        <v>38</v>
      </c>
      <c r="L87" s="8"/>
      <c r="M87" s="35"/>
      <c r="N87" s="8"/>
      <c r="O87" s="9" t="s">
        <v>40</v>
      </c>
    </row>
    <row r="88" spans="3:15" ht="16.5" customHeight="1" thickBot="1" x14ac:dyDescent="0.3"/>
    <row r="89" spans="3:15" ht="26.25" customHeight="1" thickBot="1" x14ac:dyDescent="0.3">
      <c r="C89" s="32">
        <v>22</v>
      </c>
      <c r="E89" s="33" t="s">
        <v>28</v>
      </c>
      <c r="F89" s="8"/>
      <c r="G89" s="9" t="s">
        <v>34</v>
      </c>
      <c r="H89" s="8"/>
      <c r="I89" s="9" t="s">
        <v>36</v>
      </c>
      <c r="J89" s="8"/>
      <c r="K89" s="9" t="s">
        <v>37</v>
      </c>
      <c r="L89" s="8"/>
      <c r="M89" s="33" t="s">
        <v>32</v>
      </c>
      <c r="N89" s="8"/>
      <c r="O89" s="9" t="s">
        <v>39</v>
      </c>
    </row>
    <row r="90" spans="3:15" s="5" customFormat="1" ht="9" customHeight="1" thickBot="1" x14ac:dyDescent="0.3">
      <c r="C90" s="32"/>
      <c r="E90" s="34"/>
      <c r="F90" s="8"/>
      <c r="G90" s="8"/>
      <c r="H90" s="8"/>
      <c r="I90" s="8"/>
      <c r="J90" s="8"/>
      <c r="K90" s="8"/>
      <c r="L90" s="8"/>
      <c r="M90" s="34"/>
      <c r="N90" s="8"/>
      <c r="O90" s="8"/>
    </row>
    <row r="91" spans="3:15" ht="27" customHeight="1" thickBot="1" x14ac:dyDescent="0.3">
      <c r="C91" s="32"/>
      <c r="E91" s="35"/>
      <c r="F91" s="8"/>
      <c r="G91" s="9" t="s">
        <v>35</v>
      </c>
      <c r="H91" s="8"/>
      <c r="I91" s="9" t="s">
        <v>7</v>
      </c>
      <c r="J91" s="8"/>
      <c r="K91" s="9" t="s">
        <v>38</v>
      </c>
      <c r="L91" s="8"/>
      <c r="M91" s="35"/>
      <c r="N91" s="8"/>
      <c r="O91" s="9" t="s">
        <v>40</v>
      </c>
    </row>
    <row r="92" spans="3:15" ht="21.75" customHeight="1" thickBot="1" x14ac:dyDescent="0.3"/>
    <row r="93" spans="3:15" ht="26.25" customHeight="1" thickBot="1" x14ac:dyDescent="0.3">
      <c r="C93" s="32">
        <v>23</v>
      </c>
      <c r="E93" s="33" t="s">
        <v>28</v>
      </c>
      <c r="F93" s="8"/>
      <c r="G93" s="9" t="s">
        <v>34</v>
      </c>
      <c r="H93" s="8"/>
      <c r="I93" s="9" t="s">
        <v>36</v>
      </c>
      <c r="J93" s="8"/>
      <c r="K93" s="9" t="s">
        <v>37</v>
      </c>
      <c r="L93" s="8"/>
      <c r="M93" s="33" t="s">
        <v>32</v>
      </c>
      <c r="N93" s="8"/>
      <c r="O93" s="9" t="s">
        <v>39</v>
      </c>
    </row>
    <row r="94" spans="3:15" s="5" customFormat="1" ht="9" customHeight="1" thickBot="1" x14ac:dyDescent="0.3">
      <c r="C94" s="32"/>
      <c r="E94" s="34"/>
      <c r="F94" s="8"/>
      <c r="G94" s="8"/>
      <c r="H94" s="8"/>
      <c r="I94" s="8"/>
      <c r="J94" s="8"/>
      <c r="K94" s="8"/>
      <c r="L94" s="8"/>
      <c r="M94" s="34"/>
      <c r="N94" s="8"/>
      <c r="O94" s="8"/>
    </row>
    <row r="95" spans="3:15" ht="27" customHeight="1" thickBot="1" x14ac:dyDescent="0.3">
      <c r="C95" s="32"/>
      <c r="E95" s="35"/>
      <c r="F95" s="8"/>
      <c r="G95" s="9" t="s">
        <v>35</v>
      </c>
      <c r="H95" s="8"/>
      <c r="I95" s="9" t="s">
        <v>7</v>
      </c>
      <c r="J95" s="8"/>
      <c r="K95" s="9" t="s">
        <v>38</v>
      </c>
      <c r="L95" s="8"/>
      <c r="M95" s="35"/>
      <c r="N95" s="8"/>
      <c r="O95" s="9" t="s">
        <v>40</v>
      </c>
    </row>
    <row r="96" spans="3:15" ht="21.75" customHeight="1" thickBot="1" x14ac:dyDescent="0.3"/>
    <row r="97" spans="3:15" ht="26.25" customHeight="1" thickBot="1" x14ac:dyDescent="0.3">
      <c r="C97" s="32">
        <v>24</v>
      </c>
      <c r="E97" s="33" t="s">
        <v>28</v>
      </c>
      <c r="F97" s="8"/>
      <c r="G97" s="9" t="s">
        <v>34</v>
      </c>
      <c r="H97" s="8"/>
      <c r="I97" s="9" t="s">
        <v>36</v>
      </c>
      <c r="J97" s="8"/>
      <c r="K97" s="9" t="s">
        <v>37</v>
      </c>
      <c r="L97" s="8"/>
      <c r="M97" s="33" t="s">
        <v>32</v>
      </c>
      <c r="N97" s="8"/>
      <c r="O97" s="9" t="s">
        <v>39</v>
      </c>
    </row>
    <row r="98" spans="3:15" s="5" customFormat="1" ht="9" customHeight="1" thickBot="1" x14ac:dyDescent="0.3">
      <c r="C98" s="32"/>
      <c r="E98" s="34"/>
      <c r="F98" s="8"/>
      <c r="G98" s="8"/>
      <c r="H98" s="8"/>
      <c r="I98" s="8"/>
      <c r="J98" s="8"/>
      <c r="K98" s="8"/>
      <c r="L98" s="8"/>
      <c r="M98" s="34"/>
      <c r="N98" s="8"/>
      <c r="O98" s="8"/>
    </row>
    <row r="99" spans="3:15" ht="27" customHeight="1" thickBot="1" x14ac:dyDescent="0.3">
      <c r="C99" s="32"/>
      <c r="E99" s="35"/>
      <c r="F99" s="8"/>
      <c r="G99" s="9" t="s">
        <v>35</v>
      </c>
      <c r="H99" s="8"/>
      <c r="I99" s="9" t="s">
        <v>7</v>
      </c>
      <c r="J99" s="8"/>
      <c r="K99" s="9" t="s">
        <v>38</v>
      </c>
      <c r="L99" s="8"/>
      <c r="M99" s="35"/>
      <c r="N99" s="8"/>
      <c r="O99" s="9" t="s">
        <v>40</v>
      </c>
    </row>
    <row r="100" spans="3:15" ht="21.75" customHeight="1" thickBot="1" x14ac:dyDescent="0.3"/>
    <row r="101" spans="3:15" ht="26.25" customHeight="1" thickBot="1" x14ac:dyDescent="0.3">
      <c r="C101" s="32">
        <v>25</v>
      </c>
      <c r="E101" s="33" t="s">
        <v>28</v>
      </c>
      <c r="F101" s="8"/>
      <c r="G101" s="9" t="s">
        <v>34</v>
      </c>
      <c r="H101" s="8"/>
      <c r="I101" s="9" t="s">
        <v>36</v>
      </c>
      <c r="J101" s="8"/>
      <c r="K101" s="9" t="s">
        <v>37</v>
      </c>
      <c r="L101" s="8"/>
      <c r="M101" s="33" t="s">
        <v>32</v>
      </c>
      <c r="N101" s="8"/>
      <c r="O101" s="9" t="s">
        <v>39</v>
      </c>
    </row>
    <row r="102" spans="3:15" s="5" customFormat="1" ht="9" customHeight="1" thickBot="1" x14ac:dyDescent="0.3">
      <c r="C102" s="32"/>
      <c r="E102" s="34"/>
      <c r="F102" s="8"/>
      <c r="G102" s="8"/>
      <c r="H102" s="8"/>
      <c r="I102" s="8"/>
      <c r="J102" s="8"/>
      <c r="K102" s="8"/>
      <c r="L102" s="8"/>
      <c r="M102" s="34"/>
      <c r="N102" s="8"/>
      <c r="O102" s="8"/>
    </row>
    <row r="103" spans="3:15" ht="27" customHeight="1" thickBot="1" x14ac:dyDescent="0.3">
      <c r="C103" s="32"/>
      <c r="E103" s="35"/>
      <c r="F103" s="8"/>
      <c r="G103" s="9" t="s">
        <v>35</v>
      </c>
      <c r="H103" s="8"/>
      <c r="I103" s="9" t="s">
        <v>7</v>
      </c>
      <c r="J103" s="8"/>
      <c r="K103" s="9" t="s">
        <v>38</v>
      </c>
      <c r="L103" s="8"/>
      <c r="M103" s="35"/>
      <c r="N103" s="8"/>
      <c r="O103" s="9" t="s">
        <v>40</v>
      </c>
    </row>
    <row r="104" spans="3:15" ht="16.5" customHeight="1" thickBot="1" x14ac:dyDescent="0.3"/>
    <row r="105" spans="3:15" ht="26.25" customHeight="1" thickBot="1" x14ac:dyDescent="0.3">
      <c r="C105" s="32">
        <v>26</v>
      </c>
      <c r="E105" s="33" t="s">
        <v>28</v>
      </c>
      <c r="F105" s="8"/>
      <c r="G105" s="9" t="s">
        <v>34</v>
      </c>
      <c r="H105" s="8"/>
      <c r="I105" s="9" t="s">
        <v>36</v>
      </c>
      <c r="J105" s="8"/>
      <c r="K105" s="9" t="s">
        <v>37</v>
      </c>
      <c r="L105" s="8"/>
      <c r="M105" s="33" t="s">
        <v>32</v>
      </c>
      <c r="N105" s="8"/>
      <c r="O105" s="9" t="s">
        <v>39</v>
      </c>
    </row>
    <row r="106" spans="3:15" s="5" customFormat="1" ht="9" customHeight="1" thickBot="1" x14ac:dyDescent="0.3">
      <c r="C106" s="32"/>
      <c r="E106" s="34"/>
      <c r="F106" s="8"/>
      <c r="G106" s="8"/>
      <c r="H106" s="8"/>
      <c r="I106" s="8"/>
      <c r="J106" s="8"/>
      <c r="K106" s="8"/>
      <c r="L106" s="8"/>
      <c r="M106" s="34"/>
      <c r="N106" s="8"/>
      <c r="O106" s="8"/>
    </row>
    <row r="107" spans="3:15" ht="27" customHeight="1" thickBot="1" x14ac:dyDescent="0.3">
      <c r="C107" s="32"/>
      <c r="E107" s="35"/>
      <c r="F107" s="8"/>
      <c r="G107" s="9" t="s">
        <v>35</v>
      </c>
      <c r="H107" s="8"/>
      <c r="I107" s="9" t="s">
        <v>7</v>
      </c>
      <c r="J107" s="8"/>
      <c r="K107" s="9" t="s">
        <v>38</v>
      </c>
      <c r="L107" s="8"/>
      <c r="M107" s="35"/>
      <c r="N107" s="8"/>
      <c r="O107" s="9" t="s">
        <v>40</v>
      </c>
    </row>
    <row r="108" spans="3:15" ht="21.75" customHeight="1" thickBot="1" x14ac:dyDescent="0.3"/>
    <row r="109" spans="3:15" ht="26.25" customHeight="1" thickBot="1" x14ac:dyDescent="0.3">
      <c r="C109" s="32">
        <v>27</v>
      </c>
      <c r="E109" s="33" t="s">
        <v>28</v>
      </c>
      <c r="F109" s="8"/>
      <c r="G109" s="9" t="s">
        <v>34</v>
      </c>
      <c r="H109" s="8"/>
      <c r="I109" s="9" t="s">
        <v>36</v>
      </c>
      <c r="J109" s="8"/>
      <c r="K109" s="9" t="s">
        <v>37</v>
      </c>
      <c r="L109" s="8"/>
      <c r="M109" s="33" t="s">
        <v>32</v>
      </c>
      <c r="N109" s="8"/>
      <c r="O109" s="9" t="s">
        <v>39</v>
      </c>
    </row>
    <row r="110" spans="3:15" s="5" customFormat="1" ht="9" customHeight="1" thickBot="1" x14ac:dyDescent="0.3">
      <c r="C110" s="32"/>
      <c r="E110" s="34"/>
      <c r="F110" s="8"/>
      <c r="G110" s="8"/>
      <c r="H110" s="8"/>
      <c r="I110" s="8"/>
      <c r="J110" s="8"/>
      <c r="K110" s="8"/>
      <c r="L110" s="8"/>
      <c r="M110" s="34"/>
      <c r="N110" s="8"/>
      <c r="O110" s="8"/>
    </row>
    <row r="111" spans="3:15" ht="27" customHeight="1" thickBot="1" x14ac:dyDescent="0.3">
      <c r="C111" s="32"/>
      <c r="E111" s="35"/>
      <c r="F111" s="8"/>
      <c r="G111" s="9" t="s">
        <v>35</v>
      </c>
      <c r="H111" s="8"/>
      <c r="I111" s="9" t="s">
        <v>7</v>
      </c>
      <c r="J111" s="8"/>
      <c r="K111" s="9" t="s">
        <v>38</v>
      </c>
      <c r="L111" s="8"/>
      <c r="M111" s="35"/>
      <c r="N111" s="8"/>
      <c r="O111" s="9" t="s">
        <v>40</v>
      </c>
    </row>
    <row r="112" spans="3:15" ht="21.75" customHeight="1" thickBot="1" x14ac:dyDescent="0.3"/>
    <row r="113" spans="3:15" ht="26.25" customHeight="1" thickBot="1" x14ac:dyDescent="0.3">
      <c r="C113" s="32">
        <v>28</v>
      </c>
      <c r="E113" s="33" t="s">
        <v>28</v>
      </c>
      <c r="F113" s="8"/>
      <c r="G113" s="9" t="s">
        <v>34</v>
      </c>
      <c r="H113" s="8"/>
      <c r="I113" s="9" t="s">
        <v>36</v>
      </c>
      <c r="J113" s="8"/>
      <c r="K113" s="9" t="s">
        <v>37</v>
      </c>
      <c r="L113" s="8"/>
      <c r="M113" s="33" t="s">
        <v>32</v>
      </c>
      <c r="N113" s="8"/>
      <c r="O113" s="9" t="s">
        <v>39</v>
      </c>
    </row>
    <row r="114" spans="3:15" s="5" customFormat="1" ht="9" customHeight="1" thickBot="1" x14ac:dyDescent="0.3">
      <c r="C114" s="32"/>
      <c r="E114" s="34"/>
      <c r="F114" s="8"/>
      <c r="G114" s="8"/>
      <c r="H114" s="8"/>
      <c r="I114" s="8"/>
      <c r="J114" s="8"/>
      <c r="K114" s="8"/>
      <c r="L114" s="8"/>
      <c r="M114" s="34"/>
      <c r="N114" s="8"/>
      <c r="O114" s="8"/>
    </row>
    <row r="115" spans="3:15" ht="27" customHeight="1" thickBot="1" x14ac:dyDescent="0.3">
      <c r="C115" s="32"/>
      <c r="E115" s="35"/>
      <c r="F115" s="8"/>
      <c r="G115" s="9" t="s">
        <v>35</v>
      </c>
      <c r="H115" s="8"/>
      <c r="I115" s="9" t="s">
        <v>7</v>
      </c>
      <c r="J115" s="8"/>
      <c r="K115" s="9" t="s">
        <v>38</v>
      </c>
      <c r="L115" s="8"/>
      <c r="M115" s="35"/>
      <c r="N115" s="8"/>
      <c r="O115" s="9" t="s">
        <v>40</v>
      </c>
    </row>
    <row r="116" spans="3:15" ht="21.75" customHeight="1" thickBot="1" x14ac:dyDescent="0.3"/>
    <row r="117" spans="3:15" ht="26.25" customHeight="1" thickBot="1" x14ac:dyDescent="0.3">
      <c r="C117" s="32">
        <v>29</v>
      </c>
      <c r="E117" s="33" t="s">
        <v>28</v>
      </c>
      <c r="F117" s="8"/>
      <c r="G117" s="9" t="s">
        <v>34</v>
      </c>
      <c r="H117" s="8"/>
      <c r="I117" s="9" t="s">
        <v>36</v>
      </c>
      <c r="J117" s="8"/>
      <c r="K117" s="9" t="s">
        <v>37</v>
      </c>
      <c r="L117" s="8"/>
      <c r="M117" s="33" t="s">
        <v>32</v>
      </c>
      <c r="N117" s="8"/>
      <c r="O117" s="9" t="s">
        <v>39</v>
      </c>
    </row>
    <row r="118" spans="3:15" s="5" customFormat="1" ht="9" customHeight="1" thickBot="1" x14ac:dyDescent="0.3">
      <c r="C118" s="32"/>
      <c r="E118" s="34"/>
      <c r="F118" s="8"/>
      <c r="G118" s="8"/>
      <c r="H118" s="8"/>
      <c r="I118" s="8"/>
      <c r="J118" s="8"/>
      <c r="K118" s="8"/>
      <c r="L118" s="8"/>
      <c r="M118" s="34"/>
      <c r="N118" s="8"/>
      <c r="O118" s="8"/>
    </row>
    <row r="119" spans="3:15" ht="27" customHeight="1" thickBot="1" x14ac:dyDescent="0.3">
      <c r="C119" s="32"/>
      <c r="E119" s="35"/>
      <c r="F119" s="8"/>
      <c r="G119" s="9" t="s">
        <v>35</v>
      </c>
      <c r="H119" s="8"/>
      <c r="I119" s="9" t="s">
        <v>7</v>
      </c>
      <c r="J119" s="8"/>
      <c r="K119" s="9" t="s">
        <v>38</v>
      </c>
      <c r="L119" s="8"/>
      <c r="M119" s="35"/>
      <c r="N119" s="8"/>
      <c r="O119" s="9" t="s">
        <v>40</v>
      </c>
    </row>
    <row r="120" spans="3:15" ht="16.5" customHeight="1" thickBot="1" x14ac:dyDescent="0.3"/>
    <row r="121" spans="3:15" ht="26.25" customHeight="1" thickBot="1" x14ac:dyDescent="0.3">
      <c r="C121" s="32">
        <v>30</v>
      </c>
      <c r="E121" s="33" t="s">
        <v>28</v>
      </c>
      <c r="F121" s="8"/>
      <c r="G121" s="9" t="s">
        <v>34</v>
      </c>
      <c r="H121" s="8"/>
      <c r="I121" s="9" t="s">
        <v>36</v>
      </c>
      <c r="J121" s="8"/>
      <c r="K121" s="9" t="s">
        <v>37</v>
      </c>
      <c r="L121" s="8"/>
      <c r="M121" s="33" t="s">
        <v>32</v>
      </c>
      <c r="N121" s="8"/>
      <c r="O121" s="9" t="s">
        <v>39</v>
      </c>
    </row>
    <row r="122" spans="3:15" s="5" customFormat="1" ht="9" customHeight="1" thickBot="1" x14ac:dyDescent="0.3">
      <c r="C122" s="32"/>
      <c r="E122" s="34"/>
      <c r="F122" s="8"/>
      <c r="G122" s="8"/>
      <c r="H122" s="8"/>
      <c r="I122" s="8"/>
      <c r="J122" s="8"/>
      <c r="K122" s="8"/>
      <c r="L122" s="8"/>
      <c r="M122" s="34"/>
      <c r="N122" s="8"/>
      <c r="O122" s="8"/>
    </row>
    <row r="123" spans="3:15" ht="27" customHeight="1" thickBot="1" x14ac:dyDescent="0.3">
      <c r="C123" s="32"/>
      <c r="E123" s="35"/>
      <c r="F123" s="8"/>
      <c r="G123" s="9" t="s">
        <v>35</v>
      </c>
      <c r="H123" s="8"/>
      <c r="I123" s="9" t="s">
        <v>7</v>
      </c>
      <c r="J123" s="8"/>
      <c r="K123" s="9" t="s">
        <v>38</v>
      </c>
      <c r="L123" s="8"/>
      <c r="M123" s="35"/>
      <c r="N123" s="8"/>
      <c r="O123" s="9" t="s">
        <v>40</v>
      </c>
    </row>
    <row r="124" spans="3:15" ht="21.75" customHeight="1" thickBot="1" x14ac:dyDescent="0.3"/>
    <row r="125" spans="3:15" ht="26.25" customHeight="1" thickBot="1" x14ac:dyDescent="0.3">
      <c r="C125" s="32">
        <v>31</v>
      </c>
      <c r="E125" s="33" t="s">
        <v>28</v>
      </c>
      <c r="F125" s="8"/>
      <c r="G125" s="9" t="s">
        <v>34</v>
      </c>
      <c r="H125" s="8"/>
      <c r="I125" s="9" t="s">
        <v>36</v>
      </c>
      <c r="J125" s="8"/>
      <c r="K125" s="9" t="s">
        <v>37</v>
      </c>
      <c r="L125" s="8"/>
      <c r="M125" s="33" t="s">
        <v>32</v>
      </c>
      <c r="N125" s="8"/>
      <c r="O125" s="9" t="s">
        <v>39</v>
      </c>
    </row>
    <row r="126" spans="3:15" s="5" customFormat="1" ht="9" customHeight="1" thickBot="1" x14ac:dyDescent="0.3">
      <c r="C126" s="32"/>
      <c r="E126" s="34"/>
      <c r="F126" s="8"/>
      <c r="G126" s="8"/>
      <c r="H126" s="8"/>
      <c r="I126" s="8"/>
      <c r="J126" s="8"/>
      <c r="K126" s="8"/>
      <c r="L126" s="8"/>
      <c r="M126" s="34"/>
      <c r="N126" s="8"/>
      <c r="O126" s="8"/>
    </row>
    <row r="127" spans="3:15" ht="27" customHeight="1" thickBot="1" x14ac:dyDescent="0.3">
      <c r="C127" s="32"/>
      <c r="E127" s="35"/>
      <c r="F127" s="8"/>
      <c r="G127" s="9" t="s">
        <v>35</v>
      </c>
      <c r="H127" s="8"/>
      <c r="I127" s="9" t="s">
        <v>7</v>
      </c>
      <c r="J127" s="8"/>
      <c r="K127" s="9" t="s">
        <v>38</v>
      </c>
      <c r="L127" s="8"/>
      <c r="M127" s="35"/>
      <c r="N127" s="8"/>
      <c r="O127" s="9" t="s">
        <v>40</v>
      </c>
    </row>
    <row r="128" spans="3:15" ht="21.75" customHeight="1" thickBot="1" x14ac:dyDescent="0.3"/>
    <row r="129" spans="3:15" ht="26.25" customHeight="1" thickBot="1" x14ac:dyDescent="0.3">
      <c r="C129" s="32">
        <v>32</v>
      </c>
      <c r="E129" s="33" t="s">
        <v>28</v>
      </c>
      <c r="F129" s="8"/>
      <c r="G129" s="9" t="s">
        <v>34</v>
      </c>
      <c r="H129" s="8"/>
      <c r="I129" s="9" t="s">
        <v>36</v>
      </c>
      <c r="J129" s="8"/>
      <c r="K129" s="9" t="s">
        <v>37</v>
      </c>
      <c r="L129" s="8"/>
      <c r="M129" s="33" t="s">
        <v>32</v>
      </c>
      <c r="N129" s="8"/>
      <c r="O129" s="9" t="s">
        <v>39</v>
      </c>
    </row>
    <row r="130" spans="3:15" s="5" customFormat="1" ht="9" customHeight="1" thickBot="1" x14ac:dyDescent="0.3">
      <c r="C130" s="32"/>
      <c r="E130" s="34"/>
      <c r="F130" s="8"/>
      <c r="G130" s="8"/>
      <c r="H130" s="8"/>
      <c r="I130" s="8"/>
      <c r="J130" s="8"/>
      <c r="K130" s="8"/>
      <c r="L130" s="8"/>
      <c r="M130" s="34"/>
      <c r="N130" s="8"/>
      <c r="O130" s="8"/>
    </row>
    <row r="131" spans="3:15" ht="27" customHeight="1" thickBot="1" x14ac:dyDescent="0.3">
      <c r="C131" s="32"/>
      <c r="E131" s="35"/>
      <c r="F131" s="8"/>
      <c r="G131" s="9" t="s">
        <v>35</v>
      </c>
      <c r="H131" s="8"/>
      <c r="I131" s="9" t="s">
        <v>7</v>
      </c>
      <c r="J131" s="8"/>
      <c r="K131" s="9" t="s">
        <v>38</v>
      </c>
      <c r="L131" s="8"/>
      <c r="M131" s="35"/>
      <c r="N131" s="8"/>
      <c r="O131" s="9" t="s">
        <v>40</v>
      </c>
    </row>
    <row r="132" spans="3:15" ht="21.75" customHeight="1" thickBot="1" x14ac:dyDescent="0.3"/>
    <row r="133" spans="3:15" ht="26.25" customHeight="1" thickBot="1" x14ac:dyDescent="0.3">
      <c r="C133" s="32">
        <v>33</v>
      </c>
      <c r="E133" s="33" t="s">
        <v>28</v>
      </c>
      <c r="F133" s="8"/>
      <c r="G133" s="9" t="s">
        <v>34</v>
      </c>
      <c r="H133" s="8"/>
      <c r="I133" s="9" t="s">
        <v>36</v>
      </c>
      <c r="J133" s="8"/>
      <c r="K133" s="9" t="s">
        <v>37</v>
      </c>
      <c r="L133" s="8"/>
      <c r="M133" s="33" t="s">
        <v>32</v>
      </c>
      <c r="N133" s="8"/>
      <c r="O133" s="9" t="s">
        <v>39</v>
      </c>
    </row>
    <row r="134" spans="3:15" s="5" customFormat="1" ht="9" customHeight="1" thickBot="1" x14ac:dyDescent="0.3">
      <c r="C134" s="32"/>
      <c r="E134" s="34"/>
      <c r="F134" s="8"/>
      <c r="G134" s="8"/>
      <c r="H134" s="8"/>
      <c r="I134" s="8"/>
      <c r="J134" s="8"/>
      <c r="K134" s="8"/>
      <c r="L134" s="8"/>
      <c r="M134" s="34"/>
      <c r="N134" s="8"/>
      <c r="O134" s="8"/>
    </row>
    <row r="135" spans="3:15" ht="27" customHeight="1" thickBot="1" x14ac:dyDescent="0.3">
      <c r="C135" s="32"/>
      <c r="E135" s="35"/>
      <c r="F135" s="8"/>
      <c r="G135" s="9" t="s">
        <v>35</v>
      </c>
      <c r="H135" s="8"/>
      <c r="I135" s="9" t="s">
        <v>7</v>
      </c>
      <c r="J135" s="8"/>
      <c r="K135" s="9" t="s">
        <v>38</v>
      </c>
      <c r="L135" s="8"/>
      <c r="M135" s="35"/>
      <c r="N135" s="8"/>
      <c r="O135" s="9" t="s">
        <v>40</v>
      </c>
    </row>
    <row r="136" spans="3:15" ht="16.5" customHeight="1" thickBot="1" x14ac:dyDescent="0.3"/>
    <row r="137" spans="3:15" ht="26.25" customHeight="1" thickBot="1" x14ac:dyDescent="0.3">
      <c r="C137" s="32">
        <v>34</v>
      </c>
      <c r="E137" s="33" t="s">
        <v>28</v>
      </c>
      <c r="F137" s="8"/>
      <c r="G137" s="9" t="s">
        <v>34</v>
      </c>
      <c r="H137" s="8"/>
      <c r="I137" s="9" t="s">
        <v>36</v>
      </c>
      <c r="J137" s="8"/>
      <c r="K137" s="9" t="s">
        <v>37</v>
      </c>
      <c r="L137" s="8"/>
      <c r="M137" s="33" t="s">
        <v>32</v>
      </c>
      <c r="N137" s="8"/>
      <c r="O137" s="9" t="s">
        <v>39</v>
      </c>
    </row>
    <row r="138" spans="3:15" s="5" customFormat="1" ht="9" customHeight="1" thickBot="1" x14ac:dyDescent="0.3">
      <c r="C138" s="32"/>
      <c r="E138" s="34"/>
      <c r="F138" s="8"/>
      <c r="G138" s="8"/>
      <c r="H138" s="8"/>
      <c r="I138" s="8"/>
      <c r="J138" s="8"/>
      <c r="K138" s="8"/>
      <c r="L138" s="8"/>
      <c r="M138" s="34"/>
      <c r="N138" s="8"/>
      <c r="O138" s="8"/>
    </row>
    <row r="139" spans="3:15" ht="27" customHeight="1" thickBot="1" x14ac:dyDescent="0.3">
      <c r="C139" s="32"/>
      <c r="E139" s="35"/>
      <c r="F139" s="8"/>
      <c r="G139" s="9" t="s">
        <v>35</v>
      </c>
      <c r="H139" s="8"/>
      <c r="I139" s="9" t="s">
        <v>7</v>
      </c>
      <c r="J139" s="8"/>
      <c r="K139" s="9" t="s">
        <v>38</v>
      </c>
      <c r="L139" s="8"/>
      <c r="M139" s="35"/>
      <c r="N139" s="8"/>
      <c r="O139" s="9" t="s">
        <v>40</v>
      </c>
    </row>
    <row r="140" spans="3:15" ht="21.75" customHeight="1" thickBot="1" x14ac:dyDescent="0.3"/>
    <row r="141" spans="3:15" ht="26.25" customHeight="1" thickBot="1" x14ac:dyDescent="0.3">
      <c r="C141" s="32">
        <v>35</v>
      </c>
      <c r="E141" s="33" t="s">
        <v>28</v>
      </c>
      <c r="F141" s="8"/>
      <c r="G141" s="9" t="s">
        <v>34</v>
      </c>
      <c r="H141" s="8"/>
      <c r="I141" s="9" t="s">
        <v>36</v>
      </c>
      <c r="J141" s="8"/>
      <c r="K141" s="9" t="s">
        <v>37</v>
      </c>
      <c r="L141" s="8"/>
      <c r="M141" s="33" t="s">
        <v>32</v>
      </c>
      <c r="N141" s="8"/>
      <c r="O141" s="9" t="s">
        <v>39</v>
      </c>
    </row>
    <row r="142" spans="3:15" s="5" customFormat="1" ht="9" customHeight="1" thickBot="1" x14ac:dyDescent="0.3">
      <c r="C142" s="32"/>
      <c r="E142" s="34"/>
      <c r="F142" s="8"/>
      <c r="G142" s="8"/>
      <c r="H142" s="8"/>
      <c r="I142" s="8"/>
      <c r="J142" s="8"/>
      <c r="K142" s="8"/>
      <c r="L142" s="8"/>
      <c r="M142" s="34"/>
      <c r="N142" s="8"/>
      <c r="O142" s="8"/>
    </row>
    <row r="143" spans="3:15" ht="27" customHeight="1" thickBot="1" x14ac:dyDescent="0.3">
      <c r="C143" s="32"/>
      <c r="E143" s="35"/>
      <c r="F143" s="8"/>
      <c r="G143" s="9" t="s">
        <v>35</v>
      </c>
      <c r="H143" s="8"/>
      <c r="I143" s="9" t="s">
        <v>7</v>
      </c>
      <c r="J143" s="8"/>
      <c r="K143" s="9" t="s">
        <v>38</v>
      </c>
      <c r="L143" s="8"/>
      <c r="M143" s="35"/>
      <c r="N143" s="8"/>
      <c r="O143" s="9" t="s">
        <v>40</v>
      </c>
    </row>
    <row r="144" spans="3:15" ht="21.75" customHeight="1" thickBot="1" x14ac:dyDescent="0.3"/>
    <row r="145" spans="3:15" ht="26.25" customHeight="1" thickBot="1" x14ac:dyDescent="0.3">
      <c r="C145" s="32">
        <v>36</v>
      </c>
      <c r="E145" s="33" t="s">
        <v>28</v>
      </c>
      <c r="F145" s="8"/>
      <c r="G145" s="9" t="s">
        <v>34</v>
      </c>
      <c r="H145" s="8"/>
      <c r="I145" s="9" t="s">
        <v>36</v>
      </c>
      <c r="J145" s="8"/>
      <c r="K145" s="9" t="s">
        <v>37</v>
      </c>
      <c r="L145" s="8"/>
      <c r="M145" s="33" t="s">
        <v>32</v>
      </c>
      <c r="N145" s="8"/>
      <c r="O145" s="9" t="s">
        <v>39</v>
      </c>
    </row>
    <row r="146" spans="3:15" s="5" customFormat="1" ht="9" customHeight="1" thickBot="1" x14ac:dyDescent="0.3">
      <c r="C146" s="32"/>
      <c r="E146" s="34"/>
      <c r="F146" s="8"/>
      <c r="G146" s="8"/>
      <c r="H146" s="8"/>
      <c r="I146" s="8"/>
      <c r="J146" s="8"/>
      <c r="K146" s="8"/>
      <c r="L146" s="8"/>
      <c r="M146" s="34"/>
      <c r="N146" s="8"/>
      <c r="O146" s="8"/>
    </row>
    <row r="147" spans="3:15" ht="27" customHeight="1" thickBot="1" x14ac:dyDescent="0.3">
      <c r="C147" s="32"/>
      <c r="E147" s="35"/>
      <c r="F147" s="8"/>
      <c r="G147" s="9" t="s">
        <v>35</v>
      </c>
      <c r="H147" s="8"/>
      <c r="I147" s="9" t="s">
        <v>7</v>
      </c>
      <c r="J147" s="8"/>
      <c r="K147" s="9" t="s">
        <v>38</v>
      </c>
      <c r="L147" s="8"/>
      <c r="M147" s="35"/>
      <c r="N147" s="8"/>
      <c r="O147" s="9" t="s">
        <v>40</v>
      </c>
    </row>
    <row r="148" spans="3:15" ht="21.75" customHeight="1" thickBot="1" x14ac:dyDescent="0.3"/>
    <row r="149" spans="3:15" ht="26.25" customHeight="1" thickBot="1" x14ac:dyDescent="0.3">
      <c r="C149" s="32">
        <v>37</v>
      </c>
      <c r="E149" s="33" t="s">
        <v>28</v>
      </c>
      <c r="F149" s="8"/>
      <c r="G149" s="9" t="s">
        <v>34</v>
      </c>
      <c r="H149" s="8"/>
      <c r="I149" s="9" t="s">
        <v>36</v>
      </c>
      <c r="J149" s="8"/>
      <c r="K149" s="9" t="s">
        <v>37</v>
      </c>
      <c r="L149" s="8"/>
      <c r="M149" s="33" t="s">
        <v>32</v>
      </c>
      <c r="N149" s="8"/>
      <c r="O149" s="9" t="s">
        <v>39</v>
      </c>
    </row>
    <row r="150" spans="3:15" s="5" customFormat="1" ht="9" customHeight="1" thickBot="1" x14ac:dyDescent="0.3">
      <c r="C150" s="32"/>
      <c r="E150" s="34"/>
      <c r="F150" s="8"/>
      <c r="G150" s="8"/>
      <c r="H150" s="8"/>
      <c r="I150" s="8"/>
      <c r="J150" s="8"/>
      <c r="K150" s="8"/>
      <c r="L150" s="8"/>
      <c r="M150" s="34"/>
      <c r="N150" s="8"/>
      <c r="O150" s="8"/>
    </row>
    <row r="151" spans="3:15" ht="27" customHeight="1" thickBot="1" x14ac:dyDescent="0.3">
      <c r="C151" s="32"/>
      <c r="E151" s="35"/>
      <c r="F151" s="8"/>
      <c r="G151" s="9" t="s">
        <v>35</v>
      </c>
      <c r="H151" s="8"/>
      <c r="I151" s="9" t="s">
        <v>7</v>
      </c>
      <c r="J151" s="8"/>
      <c r="K151" s="9" t="s">
        <v>38</v>
      </c>
      <c r="L151" s="8"/>
      <c r="M151" s="35"/>
      <c r="N151" s="8"/>
      <c r="O151" s="9" t="s">
        <v>40</v>
      </c>
    </row>
    <row r="152" spans="3:15" ht="21.75" customHeight="1" thickBot="1" x14ac:dyDescent="0.3"/>
    <row r="153" spans="3:15" ht="26.25" customHeight="1" thickBot="1" x14ac:dyDescent="0.3">
      <c r="C153" s="32">
        <v>38</v>
      </c>
      <c r="E153" s="33" t="s">
        <v>28</v>
      </c>
      <c r="F153" s="8"/>
      <c r="G153" s="9" t="s">
        <v>34</v>
      </c>
      <c r="H153" s="8"/>
      <c r="I153" s="9" t="s">
        <v>36</v>
      </c>
      <c r="J153" s="8"/>
      <c r="K153" s="9" t="s">
        <v>37</v>
      </c>
      <c r="L153" s="8"/>
      <c r="M153" s="33" t="s">
        <v>32</v>
      </c>
      <c r="N153" s="8"/>
      <c r="O153" s="9" t="s">
        <v>39</v>
      </c>
    </row>
    <row r="154" spans="3:15" s="5" customFormat="1" ht="9" customHeight="1" thickBot="1" x14ac:dyDescent="0.3">
      <c r="C154" s="32"/>
      <c r="E154" s="34"/>
      <c r="F154" s="8"/>
      <c r="G154" s="8"/>
      <c r="H154" s="8"/>
      <c r="I154" s="8"/>
      <c r="J154" s="8"/>
      <c r="K154" s="8"/>
      <c r="L154" s="8"/>
      <c r="M154" s="34"/>
      <c r="N154" s="8"/>
      <c r="O154" s="8"/>
    </row>
    <row r="155" spans="3:15" ht="27" customHeight="1" thickBot="1" x14ac:dyDescent="0.3">
      <c r="C155" s="32"/>
      <c r="E155" s="35"/>
      <c r="F155" s="8"/>
      <c r="G155" s="9" t="s">
        <v>35</v>
      </c>
      <c r="H155" s="8"/>
      <c r="I155" s="9" t="s">
        <v>7</v>
      </c>
      <c r="J155" s="8"/>
      <c r="K155" s="9" t="s">
        <v>38</v>
      </c>
      <c r="L155" s="8"/>
      <c r="M155" s="35"/>
      <c r="N155" s="8"/>
      <c r="O155" s="9" t="s">
        <v>40</v>
      </c>
    </row>
    <row r="156" spans="3:15" ht="21.75" customHeight="1" thickBot="1" x14ac:dyDescent="0.3"/>
    <row r="157" spans="3:15" ht="26.25" customHeight="1" thickBot="1" x14ac:dyDescent="0.3">
      <c r="C157" s="32">
        <v>39</v>
      </c>
      <c r="E157" s="33" t="s">
        <v>28</v>
      </c>
      <c r="F157" s="8"/>
      <c r="G157" s="9" t="s">
        <v>34</v>
      </c>
      <c r="H157" s="8"/>
      <c r="I157" s="9" t="s">
        <v>36</v>
      </c>
      <c r="J157" s="8"/>
      <c r="K157" s="9" t="s">
        <v>37</v>
      </c>
      <c r="L157" s="8"/>
      <c r="M157" s="33" t="s">
        <v>32</v>
      </c>
      <c r="N157" s="8"/>
      <c r="O157" s="9" t="s">
        <v>39</v>
      </c>
    </row>
    <row r="158" spans="3:15" s="5" customFormat="1" ht="9" customHeight="1" thickBot="1" x14ac:dyDescent="0.3">
      <c r="C158" s="32"/>
      <c r="E158" s="34"/>
      <c r="F158" s="8"/>
      <c r="G158" s="8"/>
      <c r="H158" s="8"/>
      <c r="I158" s="8"/>
      <c r="J158" s="8"/>
      <c r="K158" s="8"/>
      <c r="L158" s="8"/>
      <c r="M158" s="34"/>
      <c r="N158" s="8"/>
      <c r="O158" s="8"/>
    </row>
    <row r="159" spans="3:15" ht="27" customHeight="1" thickBot="1" x14ac:dyDescent="0.3">
      <c r="C159" s="32"/>
      <c r="E159" s="35"/>
      <c r="F159" s="8"/>
      <c r="G159" s="9" t="s">
        <v>35</v>
      </c>
      <c r="H159" s="8"/>
      <c r="I159" s="9" t="s">
        <v>7</v>
      </c>
      <c r="J159" s="8"/>
      <c r="K159" s="9" t="s">
        <v>38</v>
      </c>
      <c r="L159" s="8"/>
      <c r="M159" s="35"/>
      <c r="N159" s="8"/>
      <c r="O159" s="9" t="s">
        <v>40</v>
      </c>
    </row>
    <row r="160" spans="3:15" ht="21.75" customHeight="1" thickBot="1" x14ac:dyDescent="0.3"/>
    <row r="161" spans="3:15" ht="26.25" customHeight="1" thickBot="1" x14ac:dyDescent="0.3">
      <c r="C161" s="32">
        <v>40</v>
      </c>
      <c r="E161" s="33" t="s">
        <v>28</v>
      </c>
      <c r="F161" s="8"/>
      <c r="G161" s="9" t="s">
        <v>34</v>
      </c>
      <c r="H161" s="8"/>
      <c r="I161" s="9" t="s">
        <v>36</v>
      </c>
      <c r="J161" s="8"/>
      <c r="K161" s="9" t="s">
        <v>37</v>
      </c>
      <c r="L161" s="8"/>
      <c r="M161" s="33" t="s">
        <v>32</v>
      </c>
      <c r="N161" s="8"/>
      <c r="O161" s="9" t="s">
        <v>39</v>
      </c>
    </row>
    <row r="162" spans="3:15" s="5" customFormat="1" ht="9" customHeight="1" thickBot="1" x14ac:dyDescent="0.3">
      <c r="C162" s="32"/>
      <c r="E162" s="34"/>
      <c r="F162" s="8"/>
      <c r="G162" s="8"/>
      <c r="H162" s="8"/>
      <c r="I162" s="8"/>
      <c r="J162" s="8"/>
      <c r="K162" s="8"/>
      <c r="L162" s="8"/>
      <c r="M162" s="34"/>
      <c r="N162" s="8"/>
      <c r="O162" s="8"/>
    </row>
    <row r="163" spans="3:15" ht="27" customHeight="1" thickBot="1" x14ac:dyDescent="0.3">
      <c r="C163" s="32"/>
      <c r="E163" s="35"/>
      <c r="F163" s="8"/>
      <c r="G163" s="9" t="s">
        <v>35</v>
      </c>
      <c r="H163" s="8"/>
      <c r="I163" s="9" t="s">
        <v>7</v>
      </c>
      <c r="J163" s="8"/>
      <c r="K163" s="9" t="s">
        <v>38</v>
      </c>
      <c r="L163" s="8"/>
      <c r="M163" s="35"/>
      <c r="N163" s="8"/>
      <c r="O163" s="9" t="s">
        <v>40</v>
      </c>
    </row>
    <row r="164" spans="3:15" ht="21.75" customHeight="1" thickBot="1" x14ac:dyDescent="0.3"/>
    <row r="165" spans="3:15" ht="26.25" customHeight="1" thickBot="1" x14ac:dyDescent="0.3">
      <c r="C165" s="32">
        <v>41</v>
      </c>
      <c r="E165" s="33" t="s">
        <v>28</v>
      </c>
      <c r="F165" s="8"/>
      <c r="G165" s="9" t="s">
        <v>34</v>
      </c>
      <c r="H165" s="8"/>
      <c r="I165" s="9" t="s">
        <v>36</v>
      </c>
      <c r="J165" s="8"/>
      <c r="K165" s="9" t="s">
        <v>37</v>
      </c>
      <c r="L165" s="8"/>
      <c r="M165" s="33" t="s">
        <v>32</v>
      </c>
      <c r="N165" s="8"/>
      <c r="O165" s="9" t="s">
        <v>39</v>
      </c>
    </row>
    <row r="166" spans="3:15" s="5" customFormat="1" ht="9" customHeight="1" thickBot="1" x14ac:dyDescent="0.3">
      <c r="C166" s="32"/>
      <c r="E166" s="34"/>
      <c r="F166" s="8"/>
      <c r="G166" s="8"/>
      <c r="H166" s="8"/>
      <c r="I166" s="8"/>
      <c r="J166" s="8"/>
      <c r="K166" s="8"/>
      <c r="L166" s="8"/>
      <c r="M166" s="34"/>
      <c r="N166" s="8"/>
      <c r="O166" s="8"/>
    </row>
    <row r="167" spans="3:15" ht="27" customHeight="1" thickBot="1" x14ac:dyDescent="0.3">
      <c r="C167" s="32"/>
      <c r="E167" s="35"/>
      <c r="F167" s="8"/>
      <c r="G167" s="9" t="s">
        <v>35</v>
      </c>
      <c r="H167" s="8"/>
      <c r="I167" s="9" t="s">
        <v>7</v>
      </c>
      <c r="J167" s="8"/>
      <c r="K167" s="9" t="s">
        <v>38</v>
      </c>
      <c r="L167" s="8"/>
      <c r="M167" s="35"/>
      <c r="N167" s="8"/>
      <c r="O167" s="9" t="s">
        <v>40</v>
      </c>
    </row>
    <row r="168" spans="3:15" ht="21.75" customHeight="1" thickBot="1" x14ac:dyDescent="0.3"/>
    <row r="169" spans="3:15" ht="26.25" customHeight="1" thickBot="1" x14ac:dyDescent="0.3">
      <c r="C169" s="32">
        <v>42</v>
      </c>
      <c r="E169" s="33" t="s">
        <v>28</v>
      </c>
      <c r="F169" s="8"/>
      <c r="G169" s="9" t="s">
        <v>34</v>
      </c>
      <c r="H169" s="8"/>
      <c r="I169" s="9" t="s">
        <v>36</v>
      </c>
      <c r="J169" s="8"/>
      <c r="K169" s="9" t="s">
        <v>37</v>
      </c>
      <c r="L169" s="8"/>
      <c r="M169" s="33" t="s">
        <v>32</v>
      </c>
      <c r="N169" s="8"/>
      <c r="O169" s="9" t="s">
        <v>39</v>
      </c>
    </row>
    <row r="170" spans="3:15" s="5" customFormat="1" ht="9" customHeight="1" thickBot="1" x14ac:dyDescent="0.3">
      <c r="C170" s="32"/>
      <c r="E170" s="34"/>
      <c r="F170" s="8"/>
      <c r="G170" s="8"/>
      <c r="H170" s="8"/>
      <c r="I170" s="8"/>
      <c r="J170" s="8"/>
      <c r="K170" s="8"/>
      <c r="L170" s="8"/>
      <c r="M170" s="34"/>
      <c r="N170" s="8"/>
      <c r="O170" s="8"/>
    </row>
    <row r="171" spans="3:15" ht="27" customHeight="1" thickBot="1" x14ac:dyDescent="0.3">
      <c r="C171" s="32"/>
      <c r="E171" s="35"/>
      <c r="F171" s="8"/>
      <c r="G171" s="9" t="s">
        <v>35</v>
      </c>
      <c r="H171" s="8"/>
      <c r="I171" s="9" t="s">
        <v>7</v>
      </c>
      <c r="J171" s="8"/>
      <c r="K171" s="9" t="s">
        <v>38</v>
      </c>
      <c r="L171" s="8"/>
      <c r="M171" s="35"/>
      <c r="N171" s="8"/>
      <c r="O171" s="9" t="s">
        <v>40</v>
      </c>
    </row>
    <row r="172" spans="3:15" ht="16.5" customHeight="1" thickBot="1" x14ac:dyDescent="0.3"/>
    <row r="173" spans="3:15" ht="26.25" customHeight="1" thickBot="1" x14ac:dyDescent="0.3">
      <c r="C173" s="32">
        <v>43</v>
      </c>
      <c r="E173" s="33" t="s">
        <v>28</v>
      </c>
      <c r="F173" s="8"/>
      <c r="G173" s="9" t="s">
        <v>34</v>
      </c>
      <c r="H173" s="8"/>
      <c r="I173" s="9" t="s">
        <v>36</v>
      </c>
      <c r="J173" s="8"/>
      <c r="K173" s="9" t="s">
        <v>37</v>
      </c>
      <c r="L173" s="8"/>
      <c r="M173" s="33" t="s">
        <v>32</v>
      </c>
      <c r="N173" s="8"/>
      <c r="O173" s="9" t="s">
        <v>39</v>
      </c>
    </row>
    <row r="174" spans="3:15" s="5" customFormat="1" ht="9" customHeight="1" thickBot="1" x14ac:dyDescent="0.3">
      <c r="C174" s="32"/>
      <c r="E174" s="34"/>
      <c r="F174" s="8"/>
      <c r="G174" s="8"/>
      <c r="H174" s="8"/>
      <c r="I174" s="8"/>
      <c r="J174" s="8"/>
      <c r="K174" s="8"/>
      <c r="L174" s="8"/>
      <c r="M174" s="34"/>
      <c r="N174" s="8"/>
      <c r="O174" s="8"/>
    </row>
    <row r="175" spans="3:15" ht="27" customHeight="1" thickBot="1" x14ac:dyDescent="0.3">
      <c r="C175" s="32"/>
      <c r="E175" s="35"/>
      <c r="F175" s="8"/>
      <c r="G175" s="9" t="s">
        <v>35</v>
      </c>
      <c r="H175" s="8"/>
      <c r="I175" s="9" t="s">
        <v>7</v>
      </c>
      <c r="J175" s="8"/>
      <c r="K175" s="9" t="s">
        <v>38</v>
      </c>
      <c r="L175" s="8"/>
      <c r="M175" s="35"/>
      <c r="N175" s="8"/>
      <c r="O175" s="9" t="s">
        <v>40</v>
      </c>
    </row>
    <row r="176" spans="3:15" ht="21.75" customHeight="1" thickBot="1" x14ac:dyDescent="0.3"/>
    <row r="177" spans="3:15" ht="26.25" customHeight="1" thickBot="1" x14ac:dyDescent="0.3">
      <c r="C177" s="32">
        <v>44</v>
      </c>
      <c r="E177" s="33" t="s">
        <v>28</v>
      </c>
      <c r="F177" s="8"/>
      <c r="G177" s="9" t="s">
        <v>34</v>
      </c>
      <c r="H177" s="8"/>
      <c r="I177" s="9" t="s">
        <v>36</v>
      </c>
      <c r="J177" s="8"/>
      <c r="K177" s="9" t="s">
        <v>37</v>
      </c>
      <c r="L177" s="8"/>
      <c r="M177" s="33" t="s">
        <v>32</v>
      </c>
      <c r="N177" s="8"/>
      <c r="O177" s="9" t="s">
        <v>39</v>
      </c>
    </row>
    <row r="178" spans="3:15" s="5" customFormat="1" ht="9" customHeight="1" thickBot="1" x14ac:dyDescent="0.3">
      <c r="C178" s="32"/>
      <c r="E178" s="34"/>
      <c r="F178" s="8"/>
      <c r="G178" s="8"/>
      <c r="H178" s="8"/>
      <c r="I178" s="8"/>
      <c r="J178" s="8"/>
      <c r="K178" s="8"/>
      <c r="L178" s="8"/>
      <c r="M178" s="34"/>
      <c r="N178" s="8"/>
      <c r="O178" s="8"/>
    </row>
    <row r="179" spans="3:15" ht="27" customHeight="1" thickBot="1" x14ac:dyDescent="0.3">
      <c r="C179" s="32"/>
      <c r="E179" s="35"/>
      <c r="F179" s="8"/>
      <c r="G179" s="9" t="s">
        <v>35</v>
      </c>
      <c r="H179" s="8"/>
      <c r="I179" s="9" t="s">
        <v>7</v>
      </c>
      <c r="J179" s="8"/>
      <c r="K179" s="9" t="s">
        <v>38</v>
      </c>
      <c r="L179" s="8"/>
      <c r="M179" s="35"/>
      <c r="N179" s="8"/>
      <c r="O179" s="9" t="s">
        <v>40</v>
      </c>
    </row>
    <row r="180" spans="3:15" ht="21.75" customHeight="1" thickBot="1" x14ac:dyDescent="0.3"/>
    <row r="181" spans="3:15" ht="26.25" customHeight="1" thickBot="1" x14ac:dyDescent="0.3">
      <c r="C181" s="32">
        <v>45</v>
      </c>
      <c r="E181" s="33" t="s">
        <v>28</v>
      </c>
      <c r="F181" s="8"/>
      <c r="G181" s="9" t="s">
        <v>34</v>
      </c>
      <c r="H181" s="8"/>
      <c r="I181" s="9" t="s">
        <v>36</v>
      </c>
      <c r="J181" s="8"/>
      <c r="K181" s="9" t="s">
        <v>37</v>
      </c>
      <c r="L181" s="8"/>
      <c r="M181" s="33" t="s">
        <v>32</v>
      </c>
      <c r="N181" s="8"/>
      <c r="O181" s="9" t="s">
        <v>39</v>
      </c>
    </row>
    <row r="182" spans="3:15" s="5" customFormat="1" ht="9" customHeight="1" thickBot="1" x14ac:dyDescent="0.3">
      <c r="C182" s="32"/>
      <c r="E182" s="34"/>
      <c r="F182" s="8"/>
      <c r="G182" s="8"/>
      <c r="H182" s="8"/>
      <c r="I182" s="8"/>
      <c r="J182" s="8"/>
      <c r="K182" s="8"/>
      <c r="L182" s="8"/>
      <c r="M182" s="34"/>
      <c r="N182" s="8"/>
      <c r="O182" s="8"/>
    </row>
    <row r="183" spans="3:15" ht="27" customHeight="1" thickBot="1" x14ac:dyDescent="0.3">
      <c r="C183" s="32"/>
      <c r="E183" s="35"/>
      <c r="F183" s="8"/>
      <c r="G183" s="9" t="s">
        <v>35</v>
      </c>
      <c r="H183" s="8"/>
      <c r="I183" s="9" t="s">
        <v>7</v>
      </c>
      <c r="J183" s="8"/>
      <c r="K183" s="9" t="s">
        <v>38</v>
      </c>
      <c r="L183" s="8"/>
      <c r="M183" s="35"/>
      <c r="N183" s="8"/>
      <c r="O183" s="9" t="s">
        <v>40</v>
      </c>
    </row>
    <row r="184" spans="3:15" ht="21.75" customHeight="1" thickBot="1" x14ac:dyDescent="0.3"/>
    <row r="185" spans="3:15" ht="26.25" customHeight="1" thickBot="1" x14ac:dyDescent="0.3">
      <c r="C185" s="32">
        <v>46</v>
      </c>
      <c r="E185" s="33" t="s">
        <v>28</v>
      </c>
      <c r="F185" s="8"/>
      <c r="G185" s="9" t="s">
        <v>34</v>
      </c>
      <c r="H185" s="8"/>
      <c r="I185" s="9" t="s">
        <v>36</v>
      </c>
      <c r="J185" s="8"/>
      <c r="K185" s="9" t="s">
        <v>37</v>
      </c>
      <c r="L185" s="8"/>
      <c r="M185" s="33" t="s">
        <v>32</v>
      </c>
      <c r="N185" s="8"/>
      <c r="O185" s="9" t="s">
        <v>39</v>
      </c>
    </row>
    <row r="186" spans="3:15" s="5" customFormat="1" ht="9" customHeight="1" thickBot="1" x14ac:dyDescent="0.3">
      <c r="C186" s="32"/>
      <c r="E186" s="34"/>
      <c r="F186" s="8"/>
      <c r="G186" s="8"/>
      <c r="H186" s="8"/>
      <c r="I186" s="8"/>
      <c r="J186" s="8"/>
      <c r="K186" s="8"/>
      <c r="L186" s="8"/>
      <c r="M186" s="34"/>
      <c r="N186" s="8"/>
      <c r="O186" s="8"/>
    </row>
    <row r="187" spans="3:15" ht="27" customHeight="1" thickBot="1" x14ac:dyDescent="0.3">
      <c r="C187" s="32"/>
      <c r="E187" s="35"/>
      <c r="F187" s="8"/>
      <c r="G187" s="9" t="s">
        <v>35</v>
      </c>
      <c r="H187" s="8"/>
      <c r="I187" s="9" t="s">
        <v>7</v>
      </c>
      <c r="J187" s="8"/>
      <c r="K187" s="9" t="s">
        <v>38</v>
      </c>
      <c r="L187" s="8"/>
      <c r="M187" s="35"/>
      <c r="N187" s="8"/>
      <c r="O187" s="9" t="s">
        <v>40</v>
      </c>
    </row>
    <row r="188" spans="3:15" ht="16.5" customHeight="1" thickBot="1" x14ac:dyDescent="0.3"/>
    <row r="189" spans="3:15" ht="26.25" customHeight="1" thickBot="1" x14ac:dyDescent="0.3">
      <c r="C189" s="32">
        <v>47</v>
      </c>
      <c r="E189" s="33" t="s">
        <v>28</v>
      </c>
      <c r="F189" s="8"/>
      <c r="G189" s="9" t="s">
        <v>34</v>
      </c>
      <c r="H189" s="8"/>
      <c r="I189" s="9" t="s">
        <v>36</v>
      </c>
      <c r="J189" s="8"/>
      <c r="K189" s="9" t="s">
        <v>37</v>
      </c>
      <c r="L189" s="8"/>
      <c r="M189" s="33" t="s">
        <v>32</v>
      </c>
      <c r="N189" s="8"/>
      <c r="O189" s="9" t="s">
        <v>39</v>
      </c>
    </row>
    <row r="190" spans="3:15" s="5" customFormat="1" ht="9" customHeight="1" thickBot="1" x14ac:dyDescent="0.3">
      <c r="C190" s="32"/>
      <c r="E190" s="34"/>
      <c r="F190" s="8"/>
      <c r="G190" s="8"/>
      <c r="H190" s="8"/>
      <c r="I190" s="8"/>
      <c r="J190" s="8"/>
      <c r="K190" s="8"/>
      <c r="L190" s="8"/>
      <c r="M190" s="34"/>
      <c r="N190" s="8"/>
      <c r="O190" s="8"/>
    </row>
    <row r="191" spans="3:15" ht="27" customHeight="1" thickBot="1" x14ac:dyDescent="0.3">
      <c r="C191" s="32"/>
      <c r="E191" s="35"/>
      <c r="F191" s="8"/>
      <c r="G191" s="9" t="s">
        <v>35</v>
      </c>
      <c r="H191" s="8"/>
      <c r="I191" s="9" t="s">
        <v>7</v>
      </c>
      <c r="J191" s="8"/>
      <c r="K191" s="9" t="s">
        <v>38</v>
      </c>
      <c r="L191" s="8"/>
      <c r="M191" s="35"/>
      <c r="N191" s="8"/>
      <c r="O191" s="9" t="s">
        <v>40</v>
      </c>
    </row>
    <row r="192" spans="3:15" ht="21.75" customHeight="1" thickBot="1" x14ac:dyDescent="0.3"/>
    <row r="193" spans="3:15" ht="26.25" customHeight="1" thickBot="1" x14ac:dyDescent="0.3">
      <c r="C193" s="32">
        <v>48</v>
      </c>
      <c r="E193" s="33" t="s">
        <v>28</v>
      </c>
      <c r="F193" s="8"/>
      <c r="G193" s="9" t="s">
        <v>34</v>
      </c>
      <c r="H193" s="8"/>
      <c r="I193" s="9" t="s">
        <v>36</v>
      </c>
      <c r="J193" s="8"/>
      <c r="K193" s="9" t="s">
        <v>37</v>
      </c>
      <c r="L193" s="8"/>
      <c r="M193" s="33" t="s">
        <v>32</v>
      </c>
      <c r="N193" s="8"/>
      <c r="O193" s="9" t="s">
        <v>39</v>
      </c>
    </row>
    <row r="194" spans="3:15" s="5" customFormat="1" ht="9" customHeight="1" thickBot="1" x14ac:dyDescent="0.3">
      <c r="C194" s="32"/>
      <c r="E194" s="34"/>
      <c r="F194" s="8"/>
      <c r="G194" s="8"/>
      <c r="H194" s="8"/>
      <c r="I194" s="8"/>
      <c r="J194" s="8"/>
      <c r="K194" s="8"/>
      <c r="L194" s="8"/>
      <c r="M194" s="34"/>
      <c r="N194" s="8"/>
      <c r="O194" s="8"/>
    </row>
    <row r="195" spans="3:15" ht="27" customHeight="1" thickBot="1" x14ac:dyDescent="0.3">
      <c r="C195" s="32"/>
      <c r="E195" s="35"/>
      <c r="F195" s="8"/>
      <c r="G195" s="9" t="s">
        <v>35</v>
      </c>
      <c r="H195" s="8"/>
      <c r="I195" s="9" t="s">
        <v>7</v>
      </c>
      <c r="J195" s="8"/>
      <c r="K195" s="9" t="s">
        <v>38</v>
      </c>
      <c r="L195" s="8"/>
      <c r="M195" s="35"/>
      <c r="N195" s="8"/>
      <c r="O195" s="9" t="s">
        <v>40</v>
      </c>
    </row>
    <row r="196" spans="3:15" ht="21.75" customHeight="1" thickBot="1" x14ac:dyDescent="0.3"/>
    <row r="197" spans="3:15" ht="26.25" customHeight="1" thickBot="1" x14ac:dyDescent="0.3">
      <c r="C197" s="32">
        <v>49</v>
      </c>
      <c r="E197" s="33" t="s">
        <v>28</v>
      </c>
      <c r="F197" s="8"/>
      <c r="G197" s="9" t="s">
        <v>34</v>
      </c>
      <c r="H197" s="8"/>
      <c r="I197" s="9" t="s">
        <v>36</v>
      </c>
      <c r="J197" s="8"/>
      <c r="K197" s="9" t="s">
        <v>37</v>
      </c>
      <c r="L197" s="8"/>
      <c r="M197" s="33" t="s">
        <v>32</v>
      </c>
      <c r="N197" s="8"/>
      <c r="O197" s="9" t="s">
        <v>39</v>
      </c>
    </row>
    <row r="198" spans="3:15" s="5" customFormat="1" ht="9" customHeight="1" thickBot="1" x14ac:dyDescent="0.3">
      <c r="C198" s="32"/>
      <c r="E198" s="34"/>
      <c r="F198" s="8"/>
      <c r="G198" s="8"/>
      <c r="H198" s="8"/>
      <c r="I198" s="8"/>
      <c r="J198" s="8"/>
      <c r="K198" s="8"/>
      <c r="L198" s="8"/>
      <c r="M198" s="34"/>
      <c r="N198" s="8"/>
      <c r="O198" s="8"/>
    </row>
    <row r="199" spans="3:15" ht="27" customHeight="1" thickBot="1" x14ac:dyDescent="0.3">
      <c r="C199" s="32"/>
      <c r="E199" s="35"/>
      <c r="F199" s="8"/>
      <c r="G199" s="9" t="s">
        <v>35</v>
      </c>
      <c r="H199" s="8"/>
      <c r="I199" s="9" t="s">
        <v>7</v>
      </c>
      <c r="J199" s="8"/>
      <c r="K199" s="9" t="s">
        <v>38</v>
      </c>
      <c r="L199" s="8"/>
      <c r="M199" s="35"/>
      <c r="N199" s="8"/>
      <c r="O199" s="9" t="s">
        <v>40</v>
      </c>
    </row>
    <row r="200" spans="3:15" ht="21.75" customHeight="1" thickBot="1" x14ac:dyDescent="0.3"/>
    <row r="201" spans="3:15" ht="26.25" customHeight="1" thickBot="1" x14ac:dyDescent="0.3">
      <c r="C201" s="32">
        <v>50</v>
      </c>
      <c r="E201" s="33" t="s">
        <v>28</v>
      </c>
      <c r="F201" s="8"/>
      <c r="G201" s="9" t="s">
        <v>34</v>
      </c>
      <c r="H201" s="8"/>
      <c r="I201" s="9" t="s">
        <v>36</v>
      </c>
      <c r="J201" s="8"/>
      <c r="K201" s="9" t="s">
        <v>37</v>
      </c>
      <c r="L201" s="8"/>
      <c r="M201" s="33" t="s">
        <v>32</v>
      </c>
      <c r="N201" s="8"/>
      <c r="O201" s="9" t="s">
        <v>39</v>
      </c>
    </row>
    <row r="202" spans="3:15" s="5" customFormat="1" ht="9" customHeight="1" thickBot="1" x14ac:dyDescent="0.3">
      <c r="C202" s="32"/>
      <c r="E202" s="34"/>
      <c r="F202" s="8"/>
      <c r="G202" s="8"/>
      <c r="H202" s="8"/>
      <c r="I202" s="8"/>
      <c r="J202" s="8"/>
      <c r="K202" s="8"/>
      <c r="L202" s="8"/>
      <c r="M202" s="34"/>
      <c r="N202" s="8"/>
      <c r="O202" s="8"/>
    </row>
    <row r="203" spans="3:15" ht="27" customHeight="1" thickBot="1" x14ac:dyDescent="0.3">
      <c r="C203" s="32"/>
      <c r="E203" s="35"/>
      <c r="F203" s="8"/>
      <c r="G203" s="9" t="s">
        <v>35</v>
      </c>
      <c r="H203" s="8"/>
      <c r="I203" s="9" t="s">
        <v>7</v>
      </c>
      <c r="J203" s="8"/>
      <c r="K203" s="9" t="s">
        <v>38</v>
      </c>
      <c r="L203" s="8"/>
      <c r="M203" s="35"/>
      <c r="N203" s="8"/>
      <c r="O203" s="9" t="s">
        <v>40</v>
      </c>
    </row>
    <row r="204" spans="3:15" ht="16.5" customHeight="1" thickBot="1" x14ac:dyDescent="0.3"/>
    <row r="205" spans="3:15" ht="26.25" customHeight="1" thickBot="1" x14ac:dyDescent="0.3">
      <c r="C205" s="32">
        <v>51</v>
      </c>
      <c r="E205" s="33" t="s">
        <v>28</v>
      </c>
      <c r="F205" s="8"/>
      <c r="G205" s="9" t="s">
        <v>34</v>
      </c>
      <c r="H205" s="8"/>
      <c r="I205" s="9" t="s">
        <v>36</v>
      </c>
      <c r="J205" s="8"/>
      <c r="K205" s="9" t="s">
        <v>37</v>
      </c>
      <c r="L205" s="8"/>
      <c r="M205" s="33" t="s">
        <v>32</v>
      </c>
      <c r="N205" s="8"/>
      <c r="O205" s="9" t="s">
        <v>39</v>
      </c>
    </row>
    <row r="206" spans="3:15" s="5" customFormat="1" ht="9" customHeight="1" thickBot="1" x14ac:dyDescent="0.3">
      <c r="C206" s="32"/>
      <c r="E206" s="34"/>
      <c r="F206" s="8"/>
      <c r="G206" s="8"/>
      <c r="H206" s="8"/>
      <c r="I206" s="8"/>
      <c r="J206" s="8"/>
      <c r="K206" s="8"/>
      <c r="L206" s="8"/>
      <c r="M206" s="34"/>
      <c r="N206" s="8"/>
      <c r="O206" s="8"/>
    </row>
    <row r="207" spans="3:15" ht="27" customHeight="1" thickBot="1" x14ac:dyDescent="0.3">
      <c r="C207" s="32"/>
      <c r="E207" s="35"/>
      <c r="F207" s="8"/>
      <c r="G207" s="9" t="s">
        <v>35</v>
      </c>
      <c r="H207" s="8"/>
      <c r="I207" s="9" t="s">
        <v>7</v>
      </c>
      <c r="J207" s="8"/>
      <c r="K207" s="9" t="s">
        <v>38</v>
      </c>
      <c r="L207" s="8"/>
      <c r="M207" s="35"/>
      <c r="N207" s="8"/>
      <c r="O207" s="9" t="s">
        <v>40</v>
      </c>
    </row>
    <row r="208" spans="3:15" ht="21.75" customHeight="1" thickBot="1" x14ac:dyDescent="0.3"/>
    <row r="209" spans="3:15" ht="26.25" customHeight="1" thickBot="1" x14ac:dyDescent="0.3">
      <c r="C209" s="32">
        <v>52</v>
      </c>
      <c r="E209" s="33" t="s">
        <v>28</v>
      </c>
      <c r="F209" s="8"/>
      <c r="G209" s="9" t="s">
        <v>34</v>
      </c>
      <c r="H209" s="8"/>
      <c r="I209" s="9" t="s">
        <v>36</v>
      </c>
      <c r="J209" s="8"/>
      <c r="K209" s="9" t="s">
        <v>37</v>
      </c>
      <c r="L209" s="8"/>
      <c r="M209" s="33" t="s">
        <v>32</v>
      </c>
      <c r="N209" s="8"/>
      <c r="O209" s="9" t="s">
        <v>39</v>
      </c>
    </row>
    <row r="210" spans="3:15" s="5" customFormat="1" ht="9" customHeight="1" thickBot="1" x14ac:dyDescent="0.3">
      <c r="C210" s="32"/>
      <c r="E210" s="34"/>
      <c r="F210" s="8"/>
      <c r="G210" s="8"/>
      <c r="H210" s="8"/>
      <c r="I210" s="8"/>
      <c r="J210" s="8"/>
      <c r="K210" s="8"/>
      <c r="L210" s="8"/>
      <c r="M210" s="34"/>
      <c r="N210" s="8"/>
      <c r="O210" s="8"/>
    </row>
    <row r="211" spans="3:15" ht="27" customHeight="1" thickBot="1" x14ac:dyDescent="0.3">
      <c r="C211" s="32"/>
      <c r="E211" s="35"/>
      <c r="F211" s="8"/>
      <c r="G211" s="9" t="s">
        <v>35</v>
      </c>
      <c r="H211" s="8"/>
      <c r="I211" s="9" t="s">
        <v>7</v>
      </c>
      <c r="J211" s="8"/>
      <c r="K211" s="9" t="s">
        <v>38</v>
      </c>
      <c r="L211" s="8"/>
      <c r="M211" s="35"/>
      <c r="N211" s="8"/>
      <c r="O211" s="9" t="s">
        <v>40</v>
      </c>
    </row>
    <row r="212" spans="3:15" ht="21.75" customHeight="1" thickBot="1" x14ac:dyDescent="0.3"/>
    <row r="213" spans="3:15" ht="26.25" customHeight="1" thickBot="1" x14ac:dyDescent="0.3">
      <c r="C213" s="32">
        <v>53</v>
      </c>
      <c r="E213" s="33" t="s">
        <v>28</v>
      </c>
      <c r="F213" s="8"/>
      <c r="G213" s="9" t="s">
        <v>34</v>
      </c>
      <c r="H213" s="8"/>
      <c r="I213" s="9" t="s">
        <v>36</v>
      </c>
      <c r="J213" s="8"/>
      <c r="K213" s="9" t="s">
        <v>37</v>
      </c>
      <c r="L213" s="8"/>
      <c r="M213" s="33" t="s">
        <v>32</v>
      </c>
      <c r="N213" s="8"/>
      <c r="O213" s="9" t="s">
        <v>39</v>
      </c>
    </row>
    <row r="214" spans="3:15" s="5" customFormat="1" ht="9" customHeight="1" thickBot="1" x14ac:dyDescent="0.3">
      <c r="C214" s="32"/>
      <c r="E214" s="34"/>
      <c r="F214" s="8"/>
      <c r="G214" s="8"/>
      <c r="H214" s="8"/>
      <c r="I214" s="8"/>
      <c r="J214" s="8"/>
      <c r="K214" s="8"/>
      <c r="L214" s="8"/>
      <c r="M214" s="34"/>
      <c r="N214" s="8"/>
      <c r="O214" s="8"/>
    </row>
    <row r="215" spans="3:15" ht="27" customHeight="1" thickBot="1" x14ac:dyDescent="0.3">
      <c r="C215" s="32"/>
      <c r="E215" s="35"/>
      <c r="F215" s="8"/>
      <c r="G215" s="9" t="s">
        <v>35</v>
      </c>
      <c r="H215" s="8"/>
      <c r="I215" s="9" t="s">
        <v>7</v>
      </c>
      <c r="J215" s="8"/>
      <c r="K215" s="9" t="s">
        <v>38</v>
      </c>
      <c r="L215" s="8"/>
      <c r="M215" s="35"/>
      <c r="N215" s="8"/>
      <c r="O215" s="9" t="s">
        <v>40</v>
      </c>
    </row>
    <row r="216" spans="3:15" ht="21.75" customHeight="1" thickBot="1" x14ac:dyDescent="0.3"/>
    <row r="217" spans="3:15" ht="26.25" customHeight="1" thickBot="1" x14ac:dyDescent="0.3">
      <c r="C217" s="32">
        <v>54</v>
      </c>
      <c r="E217" s="33" t="s">
        <v>28</v>
      </c>
      <c r="F217" s="8"/>
      <c r="G217" s="9" t="s">
        <v>34</v>
      </c>
      <c r="H217" s="8"/>
      <c r="I217" s="9" t="s">
        <v>36</v>
      </c>
      <c r="J217" s="8"/>
      <c r="K217" s="9" t="s">
        <v>37</v>
      </c>
      <c r="L217" s="8"/>
      <c r="M217" s="33" t="s">
        <v>32</v>
      </c>
      <c r="N217" s="8"/>
      <c r="O217" s="9" t="s">
        <v>39</v>
      </c>
    </row>
    <row r="218" spans="3:15" s="5" customFormat="1" ht="9" customHeight="1" thickBot="1" x14ac:dyDescent="0.3">
      <c r="C218" s="32"/>
      <c r="E218" s="34"/>
      <c r="F218" s="8"/>
      <c r="G218" s="8"/>
      <c r="H218" s="8"/>
      <c r="I218" s="8"/>
      <c r="J218" s="8"/>
      <c r="K218" s="8"/>
      <c r="L218" s="8"/>
      <c r="M218" s="34"/>
      <c r="N218" s="8"/>
      <c r="O218" s="8"/>
    </row>
    <row r="219" spans="3:15" ht="27" customHeight="1" thickBot="1" x14ac:dyDescent="0.3">
      <c r="C219" s="32"/>
      <c r="E219" s="35"/>
      <c r="F219" s="8"/>
      <c r="G219" s="9" t="s">
        <v>35</v>
      </c>
      <c r="H219" s="8"/>
      <c r="I219" s="9" t="s">
        <v>7</v>
      </c>
      <c r="J219" s="8"/>
      <c r="K219" s="9" t="s">
        <v>38</v>
      </c>
      <c r="L219" s="8"/>
      <c r="M219" s="35"/>
      <c r="N219" s="8"/>
      <c r="O219" s="9" t="s">
        <v>40</v>
      </c>
    </row>
    <row r="220" spans="3:15" ht="16.5" customHeight="1" thickBot="1" x14ac:dyDescent="0.3"/>
    <row r="221" spans="3:15" ht="26.25" customHeight="1" thickBot="1" x14ac:dyDescent="0.3">
      <c r="C221" s="32">
        <v>55</v>
      </c>
      <c r="E221" s="33" t="s">
        <v>28</v>
      </c>
      <c r="F221" s="8"/>
      <c r="G221" s="9" t="s">
        <v>34</v>
      </c>
      <c r="H221" s="8"/>
      <c r="I221" s="9" t="s">
        <v>36</v>
      </c>
      <c r="J221" s="8"/>
      <c r="K221" s="9" t="s">
        <v>37</v>
      </c>
      <c r="L221" s="8"/>
      <c r="M221" s="33" t="s">
        <v>32</v>
      </c>
      <c r="N221" s="8"/>
      <c r="O221" s="9" t="s">
        <v>39</v>
      </c>
    </row>
    <row r="222" spans="3:15" s="5" customFormat="1" ht="9" customHeight="1" thickBot="1" x14ac:dyDescent="0.3">
      <c r="C222" s="32"/>
      <c r="E222" s="34"/>
      <c r="F222" s="8"/>
      <c r="G222" s="8"/>
      <c r="H222" s="8"/>
      <c r="I222" s="8"/>
      <c r="J222" s="8"/>
      <c r="K222" s="8"/>
      <c r="L222" s="8"/>
      <c r="M222" s="34"/>
      <c r="N222" s="8"/>
      <c r="O222" s="8"/>
    </row>
    <row r="223" spans="3:15" ht="27" customHeight="1" thickBot="1" x14ac:dyDescent="0.3">
      <c r="C223" s="32"/>
      <c r="E223" s="35"/>
      <c r="F223" s="8"/>
      <c r="G223" s="9" t="s">
        <v>35</v>
      </c>
      <c r="H223" s="8"/>
      <c r="I223" s="9" t="s">
        <v>7</v>
      </c>
      <c r="J223" s="8"/>
      <c r="K223" s="9" t="s">
        <v>38</v>
      </c>
      <c r="L223" s="8"/>
      <c r="M223" s="35"/>
      <c r="N223" s="8"/>
      <c r="O223" s="9" t="s">
        <v>40</v>
      </c>
    </row>
    <row r="224" spans="3:15" ht="21.75" customHeight="1" thickBot="1" x14ac:dyDescent="0.3"/>
    <row r="225" spans="3:15" ht="26.25" customHeight="1" thickBot="1" x14ac:dyDescent="0.3">
      <c r="C225" s="32">
        <v>56</v>
      </c>
      <c r="E225" s="33" t="s">
        <v>28</v>
      </c>
      <c r="F225" s="8"/>
      <c r="G225" s="9" t="s">
        <v>34</v>
      </c>
      <c r="H225" s="8"/>
      <c r="I225" s="9" t="s">
        <v>36</v>
      </c>
      <c r="J225" s="8"/>
      <c r="K225" s="9" t="s">
        <v>37</v>
      </c>
      <c r="L225" s="8"/>
      <c r="M225" s="33" t="s">
        <v>32</v>
      </c>
      <c r="N225" s="8"/>
      <c r="O225" s="9" t="s">
        <v>39</v>
      </c>
    </row>
    <row r="226" spans="3:15" s="5" customFormat="1" ht="9" customHeight="1" thickBot="1" x14ac:dyDescent="0.3">
      <c r="C226" s="32"/>
      <c r="E226" s="34"/>
      <c r="F226" s="8"/>
      <c r="G226" s="8"/>
      <c r="H226" s="8"/>
      <c r="I226" s="8"/>
      <c r="J226" s="8"/>
      <c r="K226" s="8"/>
      <c r="L226" s="8"/>
      <c r="M226" s="34"/>
      <c r="N226" s="8"/>
      <c r="O226" s="8"/>
    </row>
    <row r="227" spans="3:15" ht="27" customHeight="1" thickBot="1" x14ac:dyDescent="0.3">
      <c r="C227" s="32"/>
      <c r="E227" s="35"/>
      <c r="F227" s="8"/>
      <c r="G227" s="9" t="s">
        <v>35</v>
      </c>
      <c r="H227" s="8"/>
      <c r="I227" s="9" t="s">
        <v>7</v>
      </c>
      <c r="J227" s="8"/>
      <c r="K227" s="9" t="s">
        <v>38</v>
      </c>
      <c r="L227" s="8"/>
      <c r="M227" s="35"/>
      <c r="N227" s="8"/>
      <c r="O227" s="9" t="s">
        <v>40</v>
      </c>
    </row>
    <row r="228" spans="3:15" ht="21.75" customHeight="1" thickBot="1" x14ac:dyDescent="0.3"/>
    <row r="229" spans="3:15" ht="26.25" customHeight="1" thickBot="1" x14ac:dyDescent="0.3">
      <c r="C229" s="32">
        <v>57</v>
      </c>
      <c r="E229" s="33" t="s">
        <v>28</v>
      </c>
      <c r="F229" s="8"/>
      <c r="G229" s="9" t="s">
        <v>34</v>
      </c>
      <c r="H229" s="8"/>
      <c r="I229" s="9" t="s">
        <v>36</v>
      </c>
      <c r="J229" s="8"/>
      <c r="K229" s="9" t="s">
        <v>37</v>
      </c>
      <c r="L229" s="8"/>
      <c r="M229" s="33" t="s">
        <v>32</v>
      </c>
      <c r="N229" s="8"/>
      <c r="O229" s="9" t="s">
        <v>39</v>
      </c>
    </row>
    <row r="230" spans="3:15" s="5" customFormat="1" ht="9" customHeight="1" thickBot="1" x14ac:dyDescent="0.3">
      <c r="C230" s="32"/>
      <c r="E230" s="34"/>
      <c r="F230" s="8"/>
      <c r="G230" s="8"/>
      <c r="H230" s="8"/>
      <c r="I230" s="8"/>
      <c r="J230" s="8"/>
      <c r="K230" s="8"/>
      <c r="L230" s="8"/>
      <c r="M230" s="34"/>
      <c r="N230" s="8"/>
      <c r="O230" s="8"/>
    </row>
    <row r="231" spans="3:15" ht="27" customHeight="1" thickBot="1" x14ac:dyDescent="0.3">
      <c r="C231" s="32"/>
      <c r="E231" s="35"/>
      <c r="F231" s="8"/>
      <c r="G231" s="9" t="s">
        <v>35</v>
      </c>
      <c r="H231" s="8"/>
      <c r="I231" s="9" t="s">
        <v>7</v>
      </c>
      <c r="J231" s="8"/>
      <c r="K231" s="9" t="s">
        <v>38</v>
      </c>
      <c r="L231" s="8"/>
      <c r="M231" s="35"/>
      <c r="N231" s="8"/>
      <c r="O231" s="9" t="s">
        <v>40</v>
      </c>
    </row>
    <row r="232" spans="3:15" ht="21.75" customHeight="1" thickBot="1" x14ac:dyDescent="0.3"/>
    <row r="233" spans="3:15" ht="26.25" customHeight="1" thickBot="1" x14ac:dyDescent="0.3">
      <c r="C233" s="32">
        <v>58</v>
      </c>
      <c r="E233" s="33" t="s">
        <v>28</v>
      </c>
      <c r="F233" s="8"/>
      <c r="G233" s="9" t="s">
        <v>34</v>
      </c>
      <c r="H233" s="8"/>
      <c r="I233" s="9" t="s">
        <v>36</v>
      </c>
      <c r="J233" s="8"/>
      <c r="K233" s="9" t="s">
        <v>37</v>
      </c>
      <c r="L233" s="8"/>
      <c r="M233" s="33" t="s">
        <v>32</v>
      </c>
      <c r="N233" s="8"/>
      <c r="O233" s="9" t="s">
        <v>39</v>
      </c>
    </row>
    <row r="234" spans="3:15" s="5" customFormat="1" ht="9" customHeight="1" thickBot="1" x14ac:dyDescent="0.3">
      <c r="C234" s="32"/>
      <c r="E234" s="34"/>
      <c r="F234" s="8"/>
      <c r="G234" s="8"/>
      <c r="H234" s="8"/>
      <c r="I234" s="8"/>
      <c r="J234" s="8"/>
      <c r="K234" s="8"/>
      <c r="L234" s="8"/>
      <c r="M234" s="34"/>
      <c r="N234" s="8"/>
      <c r="O234" s="8"/>
    </row>
    <row r="235" spans="3:15" ht="27" customHeight="1" thickBot="1" x14ac:dyDescent="0.3">
      <c r="C235" s="32"/>
      <c r="E235" s="35"/>
      <c r="F235" s="8"/>
      <c r="G235" s="9" t="s">
        <v>35</v>
      </c>
      <c r="H235" s="8"/>
      <c r="I235" s="9" t="s">
        <v>7</v>
      </c>
      <c r="J235" s="8"/>
      <c r="K235" s="9" t="s">
        <v>38</v>
      </c>
      <c r="L235" s="8"/>
      <c r="M235" s="35"/>
      <c r="N235" s="8"/>
      <c r="O235" s="9" t="s">
        <v>40</v>
      </c>
    </row>
    <row r="236" spans="3:15" ht="21.75" customHeight="1" thickBot="1" x14ac:dyDescent="0.3"/>
    <row r="237" spans="3:15" ht="26.25" customHeight="1" thickBot="1" x14ac:dyDescent="0.3">
      <c r="C237" s="32">
        <v>59</v>
      </c>
      <c r="E237" s="33" t="s">
        <v>28</v>
      </c>
      <c r="F237" s="8"/>
      <c r="G237" s="9" t="s">
        <v>34</v>
      </c>
      <c r="H237" s="8"/>
      <c r="I237" s="9" t="s">
        <v>36</v>
      </c>
      <c r="J237" s="8"/>
      <c r="K237" s="9" t="s">
        <v>37</v>
      </c>
      <c r="L237" s="8"/>
      <c r="M237" s="33" t="s">
        <v>32</v>
      </c>
      <c r="N237" s="8"/>
      <c r="O237" s="9" t="s">
        <v>39</v>
      </c>
    </row>
    <row r="238" spans="3:15" s="5" customFormat="1" ht="9" customHeight="1" thickBot="1" x14ac:dyDescent="0.3">
      <c r="C238" s="32"/>
      <c r="E238" s="34"/>
      <c r="F238" s="8"/>
      <c r="G238" s="8"/>
      <c r="H238" s="8"/>
      <c r="I238" s="8"/>
      <c r="J238" s="8"/>
      <c r="K238" s="8"/>
      <c r="L238" s="8"/>
      <c r="M238" s="34"/>
      <c r="N238" s="8"/>
      <c r="O238" s="8"/>
    </row>
    <row r="239" spans="3:15" ht="27" customHeight="1" thickBot="1" x14ac:dyDescent="0.3">
      <c r="C239" s="32"/>
      <c r="E239" s="35"/>
      <c r="F239" s="8"/>
      <c r="G239" s="9" t="s">
        <v>35</v>
      </c>
      <c r="H239" s="8"/>
      <c r="I239" s="9" t="s">
        <v>7</v>
      </c>
      <c r="J239" s="8"/>
      <c r="K239" s="9" t="s">
        <v>38</v>
      </c>
      <c r="L239" s="8"/>
      <c r="M239" s="35"/>
      <c r="N239" s="8"/>
      <c r="O239" s="9" t="s">
        <v>40</v>
      </c>
    </row>
    <row r="240" spans="3:15" ht="21.75" customHeight="1" thickBot="1" x14ac:dyDescent="0.3"/>
    <row r="241" spans="3:15" ht="26.25" customHeight="1" thickBot="1" x14ac:dyDescent="0.3">
      <c r="C241" s="32">
        <v>60</v>
      </c>
      <c r="E241" s="33" t="s">
        <v>28</v>
      </c>
      <c r="F241" s="8"/>
      <c r="G241" s="9" t="s">
        <v>34</v>
      </c>
      <c r="H241" s="8"/>
      <c r="I241" s="9" t="s">
        <v>36</v>
      </c>
      <c r="J241" s="8"/>
      <c r="K241" s="9" t="s">
        <v>37</v>
      </c>
      <c r="L241" s="8"/>
      <c r="M241" s="33" t="s">
        <v>32</v>
      </c>
      <c r="N241" s="8"/>
      <c r="O241" s="9" t="s">
        <v>39</v>
      </c>
    </row>
    <row r="242" spans="3:15" s="5" customFormat="1" ht="9" customHeight="1" thickBot="1" x14ac:dyDescent="0.3">
      <c r="C242" s="32"/>
      <c r="E242" s="34"/>
      <c r="F242" s="8"/>
      <c r="G242" s="8"/>
      <c r="H242" s="8"/>
      <c r="I242" s="8"/>
      <c r="J242" s="8"/>
      <c r="K242" s="8"/>
      <c r="L242" s="8"/>
      <c r="M242" s="34"/>
      <c r="N242" s="8"/>
      <c r="O242" s="8"/>
    </row>
    <row r="243" spans="3:15" ht="27" customHeight="1" thickBot="1" x14ac:dyDescent="0.3">
      <c r="C243" s="32"/>
      <c r="E243" s="35"/>
      <c r="F243" s="8"/>
      <c r="G243" s="9" t="s">
        <v>35</v>
      </c>
      <c r="H243" s="8"/>
      <c r="I243" s="9" t="s">
        <v>7</v>
      </c>
      <c r="J243" s="8"/>
      <c r="K243" s="9" t="s">
        <v>38</v>
      </c>
      <c r="L243" s="8"/>
      <c r="M243" s="35"/>
      <c r="N243" s="8"/>
      <c r="O243" s="9" t="s">
        <v>40</v>
      </c>
    </row>
    <row r="244" spans="3:15" ht="21.75" customHeight="1" thickBot="1" x14ac:dyDescent="0.3"/>
    <row r="245" spans="3:15" ht="26.25" customHeight="1" thickBot="1" x14ac:dyDescent="0.3">
      <c r="C245" s="32">
        <v>61</v>
      </c>
      <c r="E245" s="33" t="s">
        <v>28</v>
      </c>
      <c r="F245" s="8"/>
      <c r="G245" s="9" t="s">
        <v>34</v>
      </c>
      <c r="H245" s="8"/>
      <c r="I245" s="9" t="s">
        <v>36</v>
      </c>
      <c r="J245" s="8"/>
      <c r="K245" s="9" t="s">
        <v>37</v>
      </c>
      <c r="L245" s="8"/>
      <c r="M245" s="33" t="s">
        <v>32</v>
      </c>
      <c r="N245" s="8"/>
      <c r="O245" s="9" t="s">
        <v>39</v>
      </c>
    </row>
    <row r="246" spans="3:15" s="5" customFormat="1" ht="9" customHeight="1" thickBot="1" x14ac:dyDescent="0.3">
      <c r="C246" s="32"/>
      <c r="E246" s="34"/>
      <c r="F246" s="8"/>
      <c r="G246" s="8"/>
      <c r="H246" s="8"/>
      <c r="I246" s="8"/>
      <c r="J246" s="8"/>
      <c r="K246" s="8"/>
      <c r="L246" s="8"/>
      <c r="M246" s="34"/>
      <c r="N246" s="8"/>
      <c r="O246" s="8"/>
    </row>
    <row r="247" spans="3:15" ht="27" customHeight="1" thickBot="1" x14ac:dyDescent="0.3">
      <c r="C247" s="32"/>
      <c r="E247" s="35"/>
      <c r="F247" s="8"/>
      <c r="G247" s="9" t="s">
        <v>35</v>
      </c>
      <c r="H247" s="8"/>
      <c r="I247" s="9" t="s">
        <v>7</v>
      </c>
      <c r="J247" s="8"/>
      <c r="K247" s="9" t="s">
        <v>38</v>
      </c>
      <c r="L247" s="8"/>
      <c r="M247" s="35"/>
      <c r="N247" s="8"/>
      <c r="O247" s="9" t="s">
        <v>40</v>
      </c>
    </row>
    <row r="248" spans="3:15" ht="16.5" customHeight="1" thickBot="1" x14ac:dyDescent="0.3"/>
    <row r="249" spans="3:15" ht="26.25" customHeight="1" thickBot="1" x14ac:dyDescent="0.3">
      <c r="C249" s="32">
        <v>62</v>
      </c>
      <c r="E249" s="33" t="s">
        <v>28</v>
      </c>
      <c r="F249" s="8"/>
      <c r="G249" s="9" t="s">
        <v>34</v>
      </c>
      <c r="H249" s="8"/>
      <c r="I249" s="9" t="s">
        <v>36</v>
      </c>
      <c r="J249" s="8"/>
      <c r="K249" s="9" t="s">
        <v>37</v>
      </c>
      <c r="L249" s="8"/>
      <c r="M249" s="33" t="s">
        <v>32</v>
      </c>
      <c r="N249" s="8"/>
      <c r="O249" s="9" t="s">
        <v>39</v>
      </c>
    </row>
    <row r="250" spans="3:15" s="5" customFormat="1" ht="9" customHeight="1" thickBot="1" x14ac:dyDescent="0.3">
      <c r="C250" s="32"/>
      <c r="E250" s="34"/>
      <c r="F250" s="8"/>
      <c r="G250" s="8"/>
      <c r="H250" s="8"/>
      <c r="I250" s="8"/>
      <c r="J250" s="8"/>
      <c r="K250" s="8"/>
      <c r="L250" s="8"/>
      <c r="M250" s="34"/>
      <c r="N250" s="8"/>
      <c r="O250" s="8"/>
    </row>
    <row r="251" spans="3:15" ht="27" customHeight="1" thickBot="1" x14ac:dyDescent="0.3">
      <c r="C251" s="32"/>
      <c r="E251" s="35"/>
      <c r="F251" s="8"/>
      <c r="G251" s="9" t="s">
        <v>35</v>
      </c>
      <c r="H251" s="8"/>
      <c r="I251" s="9" t="s">
        <v>7</v>
      </c>
      <c r="J251" s="8"/>
      <c r="K251" s="9" t="s">
        <v>38</v>
      </c>
      <c r="L251" s="8"/>
      <c r="M251" s="35"/>
      <c r="N251" s="8"/>
      <c r="O251" s="9" t="s">
        <v>40</v>
      </c>
    </row>
    <row r="252" spans="3:15" ht="21.75" customHeight="1" thickBot="1" x14ac:dyDescent="0.3"/>
    <row r="253" spans="3:15" ht="26.25" customHeight="1" thickBot="1" x14ac:dyDescent="0.3">
      <c r="C253" s="32">
        <v>63</v>
      </c>
      <c r="E253" s="33" t="s">
        <v>28</v>
      </c>
      <c r="F253" s="8"/>
      <c r="G253" s="9" t="s">
        <v>34</v>
      </c>
      <c r="H253" s="8"/>
      <c r="I253" s="9" t="s">
        <v>36</v>
      </c>
      <c r="J253" s="8"/>
      <c r="K253" s="9" t="s">
        <v>37</v>
      </c>
      <c r="L253" s="8"/>
      <c r="M253" s="33" t="s">
        <v>32</v>
      </c>
      <c r="N253" s="8"/>
      <c r="O253" s="9" t="s">
        <v>39</v>
      </c>
    </row>
    <row r="254" spans="3:15" s="5" customFormat="1" ht="9" customHeight="1" thickBot="1" x14ac:dyDescent="0.3">
      <c r="C254" s="32"/>
      <c r="E254" s="34"/>
      <c r="F254" s="8"/>
      <c r="G254" s="8"/>
      <c r="H254" s="8"/>
      <c r="I254" s="8"/>
      <c r="J254" s="8"/>
      <c r="K254" s="8"/>
      <c r="L254" s="8"/>
      <c r="M254" s="34"/>
      <c r="N254" s="8"/>
      <c r="O254" s="8"/>
    </row>
    <row r="255" spans="3:15" ht="27" customHeight="1" thickBot="1" x14ac:dyDescent="0.3">
      <c r="C255" s="32"/>
      <c r="E255" s="35"/>
      <c r="F255" s="8"/>
      <c r="G255" s="9" t="s">
        <v>35</v>
      </c>
      <c r="H255" s="8"/>
      <c r="I255" s="9" t="s">
        <v>7</v>
      </c>
      <c r="J255" s="8"/>
      <c r="K255" s="9" t="s">
        <v>38</v>
      </c>
      <c r="L255" s="8"/>
      <c r="M255" s="35"/>
      <c r="N255" s="8"/>
      <c r="O255" s="9" t="s">
        <v>40</v>
      </c>
    </row>
    <row r="256" spans="3:15" ht="21.75" customHeight="1" thickBot="1" x14ac:dyDescent="0.3"/>
    <row r="257" spans="3:15" ht="26.25" customHeight="1" thickBot="1" x14ac:dyDescent="0.3">
      <c r="C257" s="32">
        <v>64</v>
      </c>
      <c r="E257" s="33" t="s">
        <v>28</v>
      </c>
      <c r="F257" s="8"/>
      <c r="G257" s="9" t="s">
        <v>34</v>
      </c>
      <c r="H257" s="8"/>
      <c r="I257" s="9" t="s">
        <v>36</v>
      </c>
      <c r="J257" s="8"/>
      <c r="K257" s="9" t="s">
        <v>37</v>
      </c>
      <c r="L257" s="8"/>
      <c r="M257" s="33" t="s">
        <v>32</v>
      </c>
      <c r="N257" s="8"/>
      <c r="O257" s="9" t="s">
        <v>39</v>
      </c>
    </row>
    <row r="258" spans="3:15" s="5" customFormat="1" ht="9" customHeight="1" thickBot="1" x14ac:dyDescent="0.3">
      <c r="C258" s="32"/>
      <c r="E258" s="34"/>
      <c r="F258" s="8"/>
      <c r="G258" s="8"/>
      <c r="H258" s="8"/>
      <c r="I258" s="8"/>
      <c r="J258" s="8"/>
      <c r="K258" s="8"/>
      <c r="L258" s="8"/>
      <c r="M258" s="34"/>
      <c r="N258" s="8"/>
      <c r="O258" s="8"/>
    </row>
    <row r="259" spans="3:15" ht="27" customHeight="1" thickBot="1" x14ac:dyDescent="0.3">
      <c r="C259" s="32"/>
      <c r="E259" s="35"/>
      <c r="F259" s="8"/>
      <c r="G259" s="9" t="s">
        <v>35</v>
      </c>
      <c r="H259" s="8"/>
      <c r="I259" s="9" t="s">
        <v>7</v>
      </c>
      <c r="J259" s="8"/>
      <c r="K259" s="9" t="s">
        <v>38</v>
      </c>
      <c r="L259" s="8"/>
      <c r="M259" s="35"/>
      <c r="N259" s="8"/>
      <c r="O259" s="9" t="s">
        <v>40</v>
      </c>
    </row>
    <row r="260" spans="3:15" ht="21.75" customHeight="1" thickBot="1" x14ac:dyDescent="0.3"/>
    <row r="261" spans="3:15" ht="26.25" customHeight="1" thickBot="1" x14ac:dyDescent="0.3">
      <c r="C261" s="32">
        <v>65</v>
      </c>
      <c r="E261" s="33" t="s">
        <v>28</v>
      </c>
      <c r="F261" s="8"/>
      <c r="G261" s="9" t="s">
        <v>34</v>
      </c>
      <c r="H261" s="8"/>
      <c r="I261" s="9" t="s">
        <v>36</v>
      </c>
      <c r="J261" s="8"/>
      <c r="K261" s="9" t="s">
        <v>37</v>
      </c>
      <c r="L261" s="8"/>
      <c r="M261" s="33" t="s">
        <v>32</v>
      </c>
      <c r="N261" s="8"/>
      <c r="O261" s="9" t="s">
        <v>39</v>
      </c>
    </row>
    <row r="262" spans="3:15" s="5" customFormat="1" ht="9" customHeight="1" thickBot="1" x14ac:dyDescent="0.3">
      <c r="C262" s="32"/>
      <c r="E262" s="34"/>
      <c r="F262" s="8"/>
      <c r="G262" s="8"/>
      <c r="H262" s="8"/>
      <c r="I262" s="8"/>
      <c r="J262" s="8"/>
      <c r="K262" s="8"/>
      <c r="L262" s="8"/>
      <c r="M262" s="34"/>
      <c r="N262" s="8"/>
      <c r="O262" s="8"/>
    </row>
    <row r="263" spans="3:15" ht="27" customHeight="1" thickBot="1" x14ac:dyDescent="0.3">
      <c r="C263" s="32"/>
      <c r="E263" s="35"/>
      <c r="F263" s="8"/>
      <c r="G263" s="9" t="s">
        <v>35</v>
      </c>
      <c r="H263" s="8"/>
      <c r="I263" s="9" t="s">
        <v>7</v>
      </c>
      <c r="J263" s="8"/>
      <c r="K263" s="9" t="s">
        <v>38</v>
      </c>
      <c r="L263" s="8"/>
      <c r="M263" s="35"/>
      <c r="N263" s="8"/>
      <c r="O263" s="9" t="s">
        <v>40</v>
      </c>
    </row>
    <row r="264" spans="3:15" ht="16.5" customHeight="1" thickBot="1" x14ac:dyDescent="0.3"/>
    <row r="265" spans="3:15" ht="26.25" customHeight="1" thickBot="1" x14ac:dyDescent="0.3">
      <c r="C265" s="32">
        <v>66</v>
      </c>
      <c r="E265" s="33" t="s">
        <v>28</v>
      </c>
      <c r="F265" s="8"/>
      <c r="G265" s="9" t="s">
        <v>34</v>
      </c>
      <c r="H265" s="8"/>
      <c r="I265" s="9" t="s">
        <v>36</v>
      </c>
      <c r="J265" s="8"/>
      <c r="K265" s="9" t="s">
        <v>37</v>
      </c>
      <c r="L265" s="8"/>
      <c r="M265" s="33" t="s">
        <v>32</v>
      </c>
      <c r="N265" s="8"/>
      <c r="O265" s="9" t="s">
        <v>39</v>
      </c>
    </row>
    <row r="266" spans="3:15" s="5" customFormat="1" ht="9" customHeight="1" thickBot="1" x14ac:dyDescent="0.3">
      <c r="C266" s="32"/>
      <c r="E266" s="34"/>
      <c r="F266" s="8"/>
      <c r="G266" s="8"/>
      <c r="H266" s="8"/>
      <c r="I266" s="8"/>
      <c r="J266" s="8"/>
      <c r="K266" s="8"/>
      <c r="L266" s="8"/>
      <c r="M266" s="34"/>
      <c r="N266" s="8"/>
      <c r="O266" s="8"/>
    </row>
    <row r="267" spans="3:15" ht="27" customHeight="1" thickBot="1" x14ac:dyDescent="0.3">
      <c r="C267" s="32"/>
      <c r="E267" s="35"/>
      <c r="F267" s="8"/>
      <c r="G267" s="9" t="s">
        <v>35</v>
      </c>
      <c r="H267" s="8"/>
      <c r="I267" s="9" t="s">
        <v>7</v>
      </c>
      <c r="J267" s="8"/>
      <c r="K267" s="9" t="s">
        <v>38</v>
      </c>
      <c r="L267" s="8"/>
      <c r="M267" s="35"/>
      <c r="N267" s="8"/>
      <c r="O267" s="9" t="s">
        <v>40</v>
      </c>
    </row>
    <row r="268" spans="3:15" ht="21.75" customHeight="1" thickBot="1" x14ac:dyDescent="0.3"/>
    <row r="269" spans="3:15" ht="26.25" customHeight="1" thickBot="1" x14ac:dyDescent="0.3">
      <c r="C269" s="32">
        <v>67</v>
      </c>
      <c r="E269" s="33" t="s">
        <v>28</v>
      </c>
      <c r="F269" s="8"/>
      <c r="G269" s="9" t="s">
        <v>34</v>
      </c>
      <c r="H269" s="8"/>
      <c r="I269" s="9" t="s">
        <v>36</v>
      </c>
      <c r="J269" s="8"/>
      <c r="K269" s="9" t="s">
        <v>37</v>
      </c>
      <c r="L269" s="8"/>
      <c r="M269" s="33" t="s">
        <v>32</v>
      </c>
      <c r="N269" s="8"/>
      <c r="O269" s="9" t="s">
        <v>39</v>
      </c>
    </row>
    <row r="270" spans="3:15" s="5" customFormat="1" ht="9" customHeight="1" thickBot="1" x14ac:dyDescent="0.3">
      <c r="C270" s="32"/>
      <c r="E270" s="34"/>
      <c r="F270" s="8"/>
      <c r="G270" s="8"/>
      <c r="H270" s="8"/>
      <c r="I270" s="8"/>
      <c r="J270" s="8"/>
      <c r="K270" s="8"/>
      <c r="L270" s="8"/>
      <c r="M270" s="34"/>
      <c r="N270" s="8"/>
      <c r="O270" s="8"/>
    </row>
    <row r="271" spans="3:15" ht="27" customHeight="1" thickBot="1" x14ac:dyDescent="0.3">
      <c r="C271" s="32"/>
      <c r="E271" s="35"/>
      <c r="F271" s="8"/>
      <c r="G271" s="9" t="s">
        <v>35</v>
      </c>
      <c r="H271" s="8"/>
      <c r="I271" s="9" t="s">
        <v>7</v>
      </c>
      <c r="J271" s="8"/>
      <c r="K271" s="9" t="s">
        <v>38</v>
      </c>
      <c r="L271" s="8"/>
      <c r="M271" s="35"/>
      <c r="N271" s="8"/>
      <c r="O271" s="9" t="s">
        <v>40</v>
      </c>
    </row>
    <row r="272" spans="3:15" ht="21.75" customHeight="1" thickBot="1" x14ac:dyDescent="0.3"/>
    <row r="273" spans="3:15" ht="26.25" customHeight="1" thickBot="1" x14ac:dyDescent="0.3">
      <c r="C273" s="32">
        <v>68</v>
      </c>
      <c r="E273" s="33" t="s">
        <v>28</v>
      </c>
      <c r="F273" s="8"/>
      <c r="G273" s="9" t="s">
        <v>34</v>
      </c>
      <c r="H273" s="8"/>
      <c r="I273" s="9" t="s">
        <v>36</v>
      </c>
      <c r="J273" s="8"/>
      <c r="K273" s="9" t="s">
        <v>37</v>
      </c>
      <c r="L273" s="8"/>
      <c r="M273" s="33" t="s">
        <v>32</v>
      </c>
      <c r="N273" s="8"/>
      <c r="O273" s="9" t="s">
        <v>39</v>
      </c>
    </row>
    <row r="274" spans="3:15" s="5" customFormat="1" ht="9" customHeight="1" thickBot="1" x14ac:dyDescent="0.3">
      <c r="C274" s="32"/>
      <c r="E274" s="34"/>
      <c r="F274" s="8"/>
      <c r="G274" s="8"/>
      <c r="H274" s="8"/>
      <c r="I274" s="8"/>
      <c r="J274" s="8"/>
      <c r="K274" s="8"/>
      <c r="L274" s="8"/>
      <c r="M274" s="34"/>
      <c r="N274" s="8"/>
      <c r="O274" s="8"/>
    </row>
    <row r="275" spans="3:15" ht="27" customHeight="1" thickBot="1" x14ac:dyDescent="0.3">
      <c r="C275" s="32"/>
      <c r="E275" s="35"/>
      <c r="F275" s="8"/>
      <c r="G275" s="9" t="s">
        <v>35</v>
      </c>
      <c r="H275" s="8"/>
      <c r="I275" s="9" t="s">
        <v>7</v>
      </c>
      <c r="J275" s="8"/>
      <c r="K275" s="9" t="s">
        <v>38</v>
      </c>
      <c r="L275" s="8"/>
      <c r="M275" s="35"/>
      <c r="N275" s="8"/>
      <c r="O275" s="9" t="s">
        <v>40</v>
      </c>
    </row>
    <row r="276" spans="3:15" ht="21.75" customHeight="1" thickBot="1" x14ac:dyDescent="0.3"/>
    <row r="277" spans="3:15" ht="26.25" customHeight="1" thickBot="1" x14ac:dyDescent="0.3">
      <c r="C277" s="32">
        <v>69</v>
      </c>
      <c r="E277" s="33" t="s">
        <v>28</v>
      </c>
      <c r="F277" s="8"/>
      <c r="G277" s="9" t="s">
        <v>34</v>
      </c>
      <c r="H277" s="8"/>
      <c r="I277" s="9" t="s">
        <v>36</v>
      </c>
      <c r="J277" s="8"/>
      <c r="K277" s="9" t="s">
        <v>37</v>
      </c>
      <c r="L277" s="8"/>
      <c r="M277" s="33" t="s">
        <v>32</v>
      </c>
      <c r="N277" s="8"/>
      <c r="O277" s="9" t="s">
        <v>39</v>
      </c>
    </row>
    <row r="278" spans="3:15" s="5" customFormat="1" ht="9" customHeight="1" thickBot="1" x14ac:dyDescent="0.3">
      <c r="C278" s="32"/>
      <c r="E278" s="34"/>
      <c r="F278" s="8"/>
      <c r="G278" s="8"/>
      <c r="H278" s="8"/>
      <c r="I278" s="8"/>
      <c r="J278" s="8"/>
      <c r="K278" s="8"/>
      <c r="L278" s="8"/>
      <c r="M278" s="34"/>
      <c r="N278" s="8"/>
      <c r="O278" s="8"/>
    </row>
    <row r="279" spans="3:15" ht="27" customHeight="1" thickBot="1" x14ac:dyDescent="0.3">
      <c r="C279" s="32"/>
      <c r="E279" s="35"/>
      <c r="F279" s="8"/>
      <c r="G279" s="9" t="s">
        <v>35</v>
      </c>
      <c r="H279" s="8"/>
      <c r="I279" s="9" t="s">
        <v>7</v>
      </c>
      <c r="J279" s="8"/>
      <c r="K279" s="9" t="s">
        <v>38</v>
      </c>
      <c r="L279" s="8"/>
      <c r="M279" s="35"/>
      <c r="N279" s="8"/>
      <c r="O279" s="9" t="s">
        <v>40</v>
      </c>
    </row>
    <row r="280" spans="3:15" ht="16.5" customHeight="1" thickBot="1" x14ac:dyDescent="0.3"/>
    <row r="281" spans="3:15" ht="26.25" customHeight="1" thickBot="1" x14ac:dyDescent="0.3">
      <c r="C281" s="32">
        <v>70</v>
      </c>
      <c r="E281" s="33" t="s">
        <v>28</v>
      </c>
      <c r="F281" s="8"/>
      <c r="G281" s="9" t="s">
        <v>34</v>
      </c>
      <c r="H281" s="8"/>
      <c r="I281" s="9" t="s">
        <v>36</v>
      </c>
      <c r="J281" s="8"/>
      <c r="K281" s="9" t="s">
        <v>37</v>
      </c>
      <c r="L281" s="8"/>
      <c r="M281" s="33" t="s">
        <v>32</v>
      </c>
      <c r="N281" s="8"/>
      <c r="O281" s="9" t="s">
        <v>39</v>
      </c>
    </row>
    <row r="282" spans="3:15" s="5" customFormat="1" ht="9" customHeight="1" thickBot="1" x14ac:dyDescent="0.3">
      <c r="C282" s="32"/>
      <c r="E282" s="34"/>
      <c r="F282" s="8"/>
      <c r="G282" s="8"/>
      <c r="H282" s="8"/>
      <c r="I282" s="8"/>
      <c r="J282" s="8"/>
      <c r="K282" s="8"/>
      <c r="L282" s="8"/>
      <c r="M282" s="34"/>
      <c r="N282" s="8"/>
      <c r="O282" s="8"/>
    </row>
    <row r="283" spans="3:15" ht="27" customHeight="1" thickBot="1" x14ac:dyDescent="0.3">
      <c r="C283" s="32"/>
      <c r="E283" s="35"/>
      <c r="F283" s="8"/>
      <c r="G283" s="9" t="s">
        <v>35</v>
      </c>
      <c r="H283" s="8"/>
      <c r="I283" s="9" t="s">
        <v>7</v>
      </c>
      <c r="J283" s="8"/>
      <c r="K283" s="9" t="s">
        <v>38</v>
      </c>
      <c r="L283" s="8"/>
      <c r="M283" s="35"/>
      <c r="N283" s="8"/>
      <c r="O283" s="9" t="s">
        <v>40</v>
      </c>
    </row>
    <row r="284" spans="3:15" ht="21.75" customHeight="1" thickBot="1" x14ac:dyDescent="0.3"/>
    <row r="285" spans="3:15" ht="26.25" customHeight="1" thickBot="1" x14ac:dyDescent="0.3">
      <c r="C285" s="32">
        <v>71</v>
      </c>
      <c r="E285" s="33" t="s">
        <v>28</v>
      </c>
      <c r="F285" s="8"/>
      <c r="G285" s="9" t="s">
        <v>34</v>
      </c>
      <c r="H285" s="8"/>
      <c r="I285" s="9" t="s">
        <v>36</v>
      </c>
      <c r="J285" s="8"/>
      <c r="K285" s="9" t="s">
        <v>37</v>
      </c>
      <c r="L285" s="8"/>
      <c r="M285" s="33" t="s">
        <v>32</v>
      </c>
      <c r="N285" s="8"/>
      <c r="O285" s="9" t="s">
        <v>39</v>
      </c>
    </row>
    <row r="286" spans="3:15" s="5" customFormat="1" ht="9" customHeight="1" thickBot="1" x14ac:dyDescent="0.3">
      <c r="C286" s="32"/>
      <c r="E286" s="34"/>
      <c r="F286" s="8"/>
      <c r="G286" s="8"/>
      <c r="H286" s="8"/>
      <c r="I286" s="8"/>
      <c r="J286" s="8"/>
      <c r="K286" s="8"/>
      <c r="L286" s="8"/>
      <c r="M286" s="34"/>
      <c r="N286" s="8"/>
      <c r="O286" s="8"/>
    </row>
    <row r="287" spans="3:15" ht="27" customHeight="1" thickBot="1" x14ac:dyDescent="0.3">
      <c r="C287" s="32"/>
      <c r="E287" s="35"/>
      <c r="F287" s="8"/>
      <c r="G287" s="9" t="s">
        <v>35</v>
      </c>
      <c r="H287" s="8"/>
      <c r="I287" s="9" t="s">
        <v>7</v>
      </c>
      <c r="J287" s="8"/>
      <c r="K287" s="9" t="s">
        <v>38</v>
      </c>
      <c r="L287" s="8"/>
      <c r="M287" s="35"/>
      <c r="N287" s="8"/>
      <c r="O287" s="9" t="s">
        <v>40</v>
      </c>
    </row>
    <row r="288" spans="3:15" ht="21.75" customHeight="1" thickBot="1" x14ac:dyDescent="0.3"/>
    <row r="289" spans="3:15" ht="26.25" customHeight="1" thickBot="1" x14ac:dyDescent="0.3">
      <c r="C289" s="32">
        <v>72</v>
      </c>
      <c r="E289" s="33" t="s">
        <v>28</v>
      </c>
      <c r="F289" s="8"/>
      <c r="G289" s="9" t="s">
        <v>34</v>
      </c>
      <c r="H289" s="8"/>
      <c r="I289" s="9" t="s">
        <v>36</v>
      </c>
      <c r="J289" s="8"/>
      <c r="K289" s="9" t="s">
        <v>37</v>
      </c>
      <c r="L289" s="8"/>
      <c r="M289" s="33" t="s">
        <v>32</v>
      </c>
      <c r="N289" s="8"/>
      <c r="O289" s="9" t="s">
        <v>39</v>
      </c>
    </row>
    <row r="290" spans="3:15" s="5" customFormat="1" ht="9" customHeight="1" thickBot="1" x14ac:dyDescent="0.3">
      <c r="C290" s="32"/>
      <c r="E290" s="34"/>
      <c r="F290" s="8"/>
      <c r="G290" s="8"/>
      <c r="H290" s="8"/>
      <c r="I290" s="8"/>
      <c r="J290" s="8"/>
      <c r="K290" s="8"/>
      <c r="L290" s="8"/>
      <c r="M290" s="34"/>
      <c r="N290" s="8"/>
      <c r="O290" s="8"/>
    </row>
    <row r="291" spans="3:15" ht="27" customHeight="1" thickBot="1" x14ac:dyDescent="0.3">
      <c r="C291" s="32"/>
      <c r="E291" s="35"/>
      <c r="F291" s="8"/>
      <c r="G291" s="9" t="s">
        <v>35</v>
      </c>
      <c r="H291" s="8"/>
      <c r="I291" s="9" t="s">
        <v>7</v>
      </c>
      <c r="J291" s="8"/>
      <c r="K291" s="9" t="s">
        <v>38</v>
      </c>
      <c r="L291" s="8"/>
      <c r="M291" s="35"/>
      <c r="N291" s="8"/>
      <c r="O291" s="9" t="s">
        <v>40</v>
      </c>
    </row>
    <row r="292" spans="3:15" ht="21.75" customHeight="1" thickBot="1" x14ac:dyDescent="0.3"/>
    <row r="293" spans="3:15" ht="26.25" customHeight="1" thickBot="1" x14ac:dyDescent="0.3">
      <c r="C293" s="32">
        <v>73</v>
      </c>
      <c r="E293" s="33" t="s">
        <v>28</v>
      </c>
      <c r="F293" s="8"/>
      <c r="G293" s="9" t="s">
        <v>34</v>
      </c>
      <c r="H293" s="8"/>
      <c r="I293" s="9" t="s">
        <v>36</v>
      </c>
      <c r="J293" s="8"/>
      <c r="K293" s="9" t="s">
        <v>37</v>
      </c>
      <c r="L293" s="8"/>
      <c r="M293" s="33" t="s">
        <v>32</v>
      </c>
      <c r="N293" s="8"/>
      <c r="O293" s="9" t="s">
        <v>39</v>
      </c>
    </row>
    <row r="294" spans="3:15" s="5" customFormat="1" ht="9" customHeight="1" thickBot="1" x14ac:dyDescent="0.3">
      <c r="C294" s="32"/>
      <c r="E294" s="34"/>
      <c r="F294" s="8"/>
      <c r="G294" s="8"/>
      <c r="H294" s="8"/>
      <c r="I294" s="8"/>
      <c r="J294" s="8"/>
      <c r="K294" s="8"/>
      <c r="L294" s="8"/>
      <c r="M294" s="34"/>
      <c r="N294" s="8"/>
      <c r="O294" s="8"/>
    </row>
    <row r="295" spans="3:15" ht="27" customHeight="1" thickBot="1" x14ac:dyDescent="0.3">
      <c r="C295" s="32"/>
      <c r="E295" s="35"/>
      <c r="F295" s="8"/>
      <c r="G295" s="9" t="s">
        <v>35</v>
      </c>
      <c r="H295" s="8"/>
      <c r="I295" s="9" t="s">
        <v>7</v>
      </c>
      <c r="J295" s="8"/>
      <c r="K295" s="9" t="s">
        <v>38</v>
      </c>
      <c r="L295" s="8"/>
      <c r="M295" s="35"/>
      <c r="N295" s="8"/>
      <c r="O295" s="9" t="s">
        <v>40</v>
      </c>
    </row>
    <row r="296" spans="3:15" ht="16.5" customHeight="1" thickBot="1" x14ac:dyDescent="0.3"/>
    <row r="297" spans="3:15" ht="26.25" customHeight="1" thickBot="1" x14ac:dyDescent="0.3">
      <c r="C297" s="32">
        <v>74</v>
      </c>
      <c r="E297" s="33" t="s">
        <v>28</v>
      </c>
      <c r="F297" s="8"/>
      <c r="G297" s="9" t="s">
        <v>34</v>
      </c>
      <c r="H297" s="8"/>
      <c r="I297" s="9" t="s">
        <v>36</v>
      </c>
      <c r="J297" s="8"/>
      <c r="K297" s="9" t="s">
        <v>37</v>
      </c>
      <c r="L297" s="8"/>
      <c r="M297" s="33" t="s">
        <v>32</v>
      </c>
      <c r="N297" s="8"/>
      <c r="O297" s="9" t="s">
        <v>39</v>
      </c>
    </row>
    <row r="298" spans="3:15" s="5" customFormat="1" ht="9" customHeight="1" thickBot="1" x14ac:dyDescent="0.3">
      <c r="C298" s="32"/>
      <c r="E298" s="34"/>
      <c r="F298" s="8"/>
      <c r="G298" s="8"/>
      <c r="H298" s="8"/>
      <c r="I298" s="8"/>
      <c r="J298" s="8"/>
      <c r="K298" s="8"/>
      <c r="L298" s="8"/>
      <c r="M298" s="34"/>
      <c r="N298" s="8"/>
      <c r="O298" s="8"/>
    </row>
    <row r="299" spans="3:15" ht="27" customHeight="1" thickBot="1" x14ac:dyDescent="0.3">
      <c r="C299" s="32"/>
      <c r="E299" s="35"/>
      <c r="F299" s="8"/>
      <c r="G299" s="9" t="s">
        <v>35</v>
      </c>
      <c r="H299" s="8"/>
      <c r="I299" s="9" t="s">
        <v>7</v>
      </c>
      <c r="J299" s="8"/>
      <c r="K299" s="9" t="s">
        <v>38</v>
      </c>
      <c r="L299" s="8"/>
      <c r="M299" s="35"/>
      <c r="N299" s="8"/>
      <c r="O299" s="9" t="s">
        <v>40</v>
      </c>
    </row>
    <row r="300" spans="3:15" ht="21.75" customHeight="1" thickBot="1" x14ac:dyDescent="0.3"/>
    <row r="301" spans="3:15" ht="26.25" customHeight="1" thickBot="1" x14ac:dyDescent="0.3">
      <c r="C301" s="32">
        <v>75</v>
      </c>
      <c r="E301" s="33" t="s">
        <v>28</v>
      </c>
      <c r="F301" s="8"/>
      <c r="G301" s="9" t="s">
        <v>34</v>
      </c>
      <c r="H301" s="8"/>
      <c r="I301" s="9" t="s">
        <v>36</v>
      </c>
      <c r="J301" s="8"/>
      <c r="K301" s="9" t="s">
        <v>37</v>
      </c>
      <c r="L301" s="8"/>
      <c r="M301" s="33" t="s">
        <v>32</v>
      </c>
      <c r="N301" s="8"/>
      <c r="O301" s="9" t="s">
        <v>39</v>
      </c>
    </row>
    <row r="302" spans="3:15" s="5" customFormat="1" ht="9" customHeight="1" thickBot="1" x14ac:dyDescent="0.3">
      <c r="C302" s="32"/>
      <c r="E302" s="34"/>
      <c r="F302" s="8"/>
      <c r="G302" s="8"/>
      <c r="H302" s="8"/>
      <c r="I302" s="8"/>
      <c r="J302" s="8"/>
      <c r="K302" s="8"/>
      <c r="L302" s="8"/>
      <c r="M302" s="34"/>
      <c r="N302" s="8"/>
      <c r="O302" s="8"/>
    </row>
    <row r="303" spans="3:15" ht="27" customHeight="1" thickBot="1" x14ac:dyDescent="0.3">
      <c r="C303" s="32"/>
      <c r="E303" s="35"/>
      <c r="F303" s="8"/>
      <c r="G303" s="9" t="s">
        <v>35</v>
      </c>
      <c r="H303" s="8"/>
      <c r="I303" s="9" t="s">
        <v>7</v>
      </c>
      <c r="J303" s="8"/>
      <c r="K303" s="9" t="s">
        <v>38</v>
      </c>
      <c r="L303" s="8"/>
      <c r="M303" s="35"/>
      <c r="N303" s="8"/>
      <c r="O303" s="9" t="s">
        <v>40</v>
      </c>
    </row>
    <row r="304" spans="3:15" ht="21.75" customHeight="1" thickBot="1" x14ac:dyDescent="0.3"/>
    <row r="305" spans="3:15" ht="26.25" customHeight="1" thickBot="1" x14ac:dyDescent="0.3">
      <c r="C305" s="32">
        <v>76</v>
      </c>
      <c r="E305" s="33" t="s">
        <v>28</v>
      </c>
      <c r="F305" s="8"/>
      <c r="G305" s="9" t="s">
        <v>34</v>
      </c>
      <c r="H305" s="8"/>
      <c r="I305" s="9" t="s">
        <v>36</v>
      </c>
      <c r="J305" s="8"/>
      <c r="K305" s="9" t="s">
        <v>37</v>
      </c>
      <c r="L305" s="8"/>
      <c r="M305" s="33" t="s">
        <v>32</v>
      </c>
      <c r="N305" s="8"/>
      <c r="O305" s="9" t="s">
        <v>39</v>
      </c>
    </row>
    <row r="306" spans="3:15" s="5" customFormat="1" ht="9" customHeight="1" thickBot="1" x14ac:dyDescent="0.3">
      <c r="C306" s="32"/>
      <c r="E306" s="34"/>
      <c r="F306" s="8"/>
      <c r="G306" s="8"/>
      <c r="H306" s="8"/>
      <c r="I306" s="8"/>
      <c r="J306" s="8"/>
      <c r="K306" s="8"/>
      <c r="L306" s="8"/>
      <c r="M306" s="34"/>
      <c r="N306" s="8"/>
      <c r="O306" s="8"/>
    </row>
    <row r="307" spans="3:15" ht="27" customHeight="1" thickBot="1" x14ac:dyDescent="0.3">
      <c r="C307" s="32"/>
      <c r="E307" s="35"/>
      <c r="F307" s="8"/>
      <c r="G307" s="9" t="s">
        <v>35</v>
      </c>
      <c r="H307" s="8"/>
      <c r="I307" s="9" t="s">
        <v>7</v>
      </c>
      <c r="J307" s="8"/>
      <c r="K307" s="9" t="s">
        <v>38</v>
      </c>
      <c r="L307" s="8"/>
      <c r="M307" s="35"/>
      <c r="N307" s="8"/>
      <c r="O307" s="9" t="s">
        <v>40</v>
      </c>
    </row>
    <row r="308" spans="3:15" ht="21.75" customHeight="1" thickBot="1" x14ac:dyDescent="0.3"/>
    <row r="309" spans="3:15" ht="26.25" customHeight="1" thickBot="1" x14ac:dyDescent="0.3">
      <c r="C309" s="32">
        <v>77</v>
      </c>
      <c r="E309" s="33" t="s">
        <v>28</v>
      </c>
      <c r="F309" s="8"/>
      <c r="G309" s="9" t="s">
        <v>34</v>
      </c>
      <c r="H309" s="8"/>
      <c r="I309" s="9" t="s">
        <v>36</v>
      </c>
      <c r="J309" s="8"/>
      <c r="K309" s="9" t="s">
        <v>37</v>
      </c>
      <c r="L309" s="8"/>
      <c r="M309" s="33" t="s">
        <v>32</v>
      </c>
      <c r="N309" s="8"/>
      <c r="O309" s="9" t="s">
        <v>39</v>
      </c>
    </row>
    <row r="310" spans="3:15" s="5" customFormat="1" ht="9" customHeight="1" thickBot="1" x14ac:dyDescent="0.3">
      <c r="C310" s="32"/>
      <c r="E310" s="34"/>
      <c r="F310" s="8"/>
      <c r="G310" s="8"/>
      <c r="H310" s="8"/>
      <c r="I310" s="8"/>
      <c r="J310" s="8"/>
      <c r="K310" s="8"/>
      <c r="L310" s="8"/>
      <c r="M310" s="34"/>
      <c r="N310" s="8"/>
      <c r="O310" s="8"/>
    </row>
    <row r="311" spans="3:15" ht="27" customHeight="1" thickBot="1" x14ac:dyDescent="0.3">
      <c r="C311" s="32"/>
      <c r="E311" s="35"/>
      <c r="F311" s="8"/>
      <c r="G311" s="9" t="s">
        <v>35</v>
      </c>
      <c r="H311" s="8"/>
      <c r="I311" s="9" t="s">
        <v>7</v>
      </c>
      <c r="J311" s="8"/>
      <c r="K311" s="9" t="s">
        <v>38</v>
      </c>
      <c r="L311" s="8"/>
      <c r="M311" s="35"/>
      <c r="N311" s="8"/>
      <c r="O311" s="9" t="s">
        <v>40</v>
      </c>
    </row>
    <row r="312" spans="3:15" ht="21.75" customHeight="1" thickBot="1" x14ac:dyDescent="0.3"/>
    <row r="313" spans="3:15" ht="26.25" customHeight="1" thickBot="1" x14ac:dyDescent="0.3">
      <c r="C313" s="32">
        <v>78</v>
      </c>
      <c r="E313" s="33" t="s">
        <v>28</v>
      </c>
      <c r="F313" s="8"/>
      <c r="G313" s="9" t="s">
        <v>34</v>
      </c>
      <c r="H313" s="8"/>
      <c r="I313" s="9" t="s">
        <v>36</v>
      </c>
      <c r="J313" s="8"/>
      <c r="K313" s="9" t="s">
        <v>37</v>
      </c>
      <c r="L313" s="8"/>
      <c r="M313" s="33" t="s">
        <v>32</v>
      </c>
      <c r="N313" s="8"/>
      <c r="O313" s="9" t="s">
        <v>39</v>
      </c>
    </row>
    <row r="314" spans="3:15" s="5" customFormat="1" ht="9" customHeight="1" thickBot="1" x14ac:dyDescent="0.3">
      <c r="C314" s="32"/>
      <c r="E314" s="34"/>
      <c r="F314" s="8"/>
      <c r="G314" s="8"/>
      <c r="H314" s="8"/>
      <c r="I314" s="8"/>
      <c r="J314" s="8"/>
      <c r="K314" s="8"/>
      <c r="L314" s="8"/>
      <c r="M314" s="34"/>
      <c r="N314" s="8"/>
      <c r="O314" s="8"/>
    </row>
    <row r="315" spans="3:15" ht="27" customHeight="1" thickBot="1" x14ac:dyDescent="0.3">
      <c r="C315" s="32"/>
      <c r="E315" s="35"/>
      <c r="F315" s="8"/>
      <c r="G315" s="9" t="s">
        <v>35</v>
      </c>
      <c r="H315" s="8"/>
      <c r="I315" s="9" t="s">
        <v>7</v>
      </c>
      <c r="J315" s="8"/>
      <c r="K315" s="9" t="s">
        <v>38</v>
      </c>
      <c r="L315" s="8"/>
      <c r="M315" s="35"/>
      <c r="N315" s="8"/>
      <c r="O315" s="9" t="s">
        <v>40</v>
      </c>
    </row>
    <row r="316" spans="3:15" ht="21.75" customHeight="1" thickBot="1" x14ac:dyDescent="0.3"/>
    <row r="317" spans="3:15" ht="26.25" customHeight="1" thickBot="1" x14ac:dyDescent="0.3">
      <c r="C317" s="32">
        <v>79</v>
      </c>
      <c r="E317" s="33" t="s">
        <v>28</v>
      </c>
      <c r="F317" s="8"/>
      <c r="G317" s="9" t="s">
        <v>34</v>
      </c>
      <c r="H317" s="8"/>
      <c r="I317" s="9" t="s">
        <v>36</v>
      </c>
      <c r="J317" s="8"/>
      <c r="K317" s="9" t="s">
        <v>37</v>
      </c>
      <c r="L317" s="8"/>
      <c r="M317" s="33" t="s">
        <v>32</v>
      </c>
      <c r="N317" s="8"/>
      <c r="O317" s="9" t="s">
        <v>39</v>
      </c>
    </row>
    <row r="318" spans="3:15" s="5" customFormat="1" ht="9" customHeight="1" thickBot="1" x14ac:dyDescent="0.3">
      <c r="C318" s="32"/>
      <c r="E318" s="34"/>
      <c r="F318" s="8"/>
      <c r="G318" s="8"/>
      <c r="H318" s="8"/>
      <c r="I318" s="8"/>
      <c r="J318" s="8"/>
      <c r="K318" s="8"/>
      <c r="L318" s="8"/>
      <c r="M318" s="34"/>
      <c r="N318" s="8"/>
      <c r="O318" s="8"/>
    </row>
    <row r="319" spans="3:15" ht="27" customHeight="1" thickBot="1" x14ac:dyDescent="0.3">
      <c r="C319" s="32"/>
      <c r="E319" s="35"/>
      <c r="F319" s="8"/>
      <c r="G319" s="9" t="s">
        <v>35</v>
      </c>
      <c r="H319" s="8"/>
      <c r="I319" s="9" t="s">
        <v>7</v>
      </c>
      <c r="J319" s="8"/>
      <c r="K319" s="9" t="s">
        <v>38</v>
      </c>
      <c r="L319" s="8"/>
      <c r="M319" s="35"/>
      <c r="N319" s="8"/>
      <c r="O319" s="9" t="s">
        <v>40</v>
      </c>
    </row>
    <row r="320" spans="3:15" ht="21.75" customHeight="1" thickBot="1" x14ac:dyDescent="0.3"/>
    <row r="321" spans="3:15" ht="26.25" customHeight="1" thickBot="1" x14ac:dyDescent="0.3">
      <c r="C321" s="32">
        <v>80</v>
      </c>
      <c r="E321" s="33" t="s">
        <v>28</v>
      </c>
      <c r="F321" s="8"/>
      <c r="G321" s="9" t="s">
        <v>34</v>
      </c>
      <c r="H321" s="8"/>
      <c r="I321" s="9" t="s">
        <v>36</v>
      </c>
      <c r="J321" s="8"/>
      <c r="K321" s="9" t="s">
        <v>37</v>
      </c>
      <c r="L321" s="8"/>
      <c r="M321" s="33" t="s">
        <v>32</v>
      </c>
      <c r="N321" s="8"/>
      <c r="O321" s="9" t="s">
        <v>39</v>
      </c>
    </row>
    <row r="322" spans="3:15" s="5" customFormat="1" ht="9" customHeight="1" thickBot="1" x14ac:dyDescent="0.3">
      <c r="C322" s="32"/>
      <c r="E322" s="34"/>
      <c r="F322" s="8"/>
      <c r="G322" s="8"/>
      <c r="H322" s="8"/>
      <c r="I322" s="8"/>
      <c r="J322" s="8"/>
      <c r="K322" s="8"/>
      <c r="L322" s="8"/>
      <c r="M322" s="34"/>
      <c r="N322" s="8"/>
      <c r="O322" s="8"/>
    </row>
    <row r="323" spans="3:15" ht="27" customHeight="1" thickBot="1" x14ac:dyDescent="0.3">
      <c r="C323" s="32"/>
      <c r="E323" s="35"/>
      <c r="F323" s="8"/>
      <c r="G323" s="9" t="s">
        <v>35</v>
      </c>
      <c r="H323" s="8"/>
      <c r="I323" s="9" t="s">
        <v>7</v>
      </c>
      <c r="J323" s="8"/>
      <c r="K323" s="9" t="s">
        <v>38</v>
      </c>
      <c r="L323" s="8"/>
      <c r="M323" s="35"/>
      <c r="N323" s="8"/>
      <c r="O323" s="9" t="s">
        <v>40</v>
      </c>
    </row>
    <row r="324" spans="3:15" ht="21.75" customHeight="1" thickBot="1" x14ac:dyDescent="0.3"/>
    <row r="325" spans="3:15" ht="26.25" customHeight="1" thickBot="1" x14ac:dyDescent="0.3">
      <c r="C325" s="32">
        <v>81</v>
      </c>
      <c r="E325" s="33" t="s">
        <v>28</v>
      </c>
      <c r="F325" s="8"/>
      <c r="G325" s="9" t="s">
        <v>34</v>
      </c>
      <c r="H325" s="8"/>
      <c r="I325" s="9" t="s">
        <v>36</v>
      </c>
      <c r="J325" s="8"/>
      <c r="K325" s="9" t="s">
        <v>37</v>
      </c>
      <c r="L325" s="8"/>
      <c r="M325" s="33" t="s">
        <v>32</v>
      </c>
      <c r="N325" s="8"/>
      <c r="O325" s="9" t="s">
        <v>39</v>
      </c>
    </row>
    <row r="326" spans="3:15" s="5" customFormat="1" ht="9" customHeight="1" thickBot="1" x14ac:dyDescent="0.3">
      <c r="C326" s="32"/>
      <c r="E326" s="34"/>
      <c r="F326" s="8"/>
      <c r="G326" s="8"/>
      <c r="H326" s="8"/>
      <c r="I326" s="8"/>
      <c r="J326" s="8"/>
      <c r="K326" s="8"/>
      <c r="L326" s="8"/>
      <c r="M326" s="34"/>
      <c r="N326" s="8"/>
      <c r="O326" s="8"/>
    </row>
    <row r="327" spans="3:15" ht="27" customHeight="1" thickBot="1" x14ac:dyDescent="0.3">
      <c r="C327" s="32"/>
      <c r="E327" s="35"/>
      <c r="F327" s="8"/>
      <c r="G327" s="9" t="s">
        <v>35</v>
      </c>
      <c r="H327" s="8"/>
      <c r="I327" s="9" t="s">
        <v>7</v>
      </c>
      <c r="J327" s="8"/>
      <c r="K327" s="9" t="s">
        <v>38</v>
      </c>
      <c r="L327" s="8"/>
      <c r="M327" s="35"/>
      <c r="N327" s="8"/>
      <c r="O327" s="9" t="s">
        <v>40</v>
      </c>
    </row>
    <row r="328" spans="3:15" ht="16.5" customHeight="1" thickBot="1" x14ac:dyDescent="0.3"/>
    <row r="329" spans="3:15" ht="26.25" customHeight="1" thickBot="1" x14ac:dyDescent="0.3">
      <c r="C329" s="32">
        <v>82</v>
      </c>
      <c r="E329" s="33" t="s">
        <v>28</v>
      </c>
      <c r="F329" s="8"/>
      <c r="G329" s="9" t="s">
        <v>34</v>
      </c>
      <c r="H329" s="8"/>
      <c r="I329" s="9" t="s">
        <v>36</v>
      </c>
      <c r="J329" s="8"/>
      <c r="K329" s="9" t="s">
        <v>37</v>
      </c>
      <c r="L329" s="8"/>
      <c r="M329" s="33" t="s">
        <v>32</v>
      </c>
      <c r="N329" s="8"/>
      <c r="O329" s="9" t="s">
        <v>39</v>
      </c>
    </row>
    <row r="330" spans="3:15" s="5" customFormat="1" ht="9" customHeight="1" thickBot="1" x14ac:dyDescent="0.3">
      <c r="C330" s="32"/>
      <c r="E330" s="34"/>
      <c r="F330" s="8"/>
      <c r="G330" s="8"/>
      <c r="H330" s="8"/>
      <c r="I330" s="8"/>
      <c r="J330" s="8"/>
      <c r="K330" s="8"/>
      <c r="L330" s="8"/>
      <c r="M330" s="34"/>
      <c r="N330" s="8"/>
      <c r="O330" s="8"/>
    </row>
    <row r="331" spans="3:15" ht="27" customHeight="1" thickBot="1" x14ac:dyDescent="0.3">
      <c r="C331" s="32"/>
      <c r="E331" s="35"/>
      <c r="F331" s="8"/>
      <c r="G331" s="9" t="s">
        <v>35</v>
      </c>
      <c r="H331" s="8"/>
      <c r="I331" s="9" t="s">
        <v>7</v>
      </c>
      <c r="J331" s="8"/>
      <c r="K331" s="9" t="s">
        <v>38</v>
      </c>
      <c r="L331" s="8"/>
      <c r="M331" s="35"/>
      <c r="N331" s="8"/>
      <c r="O331" s="9" t="s">
        <v>40</v>
      </c>
    </row>
    <row r="332" spans="3:15" ht="21.75" customHeight="1" thickBot="1" x14ac:dyDescent="0.3"/>
    <row r="333" spans="3:15" ht="26.25" customHeight="1" thickBot="1" x14ac:dyDescent="0.3">
      <c r="C333" s="32">
        <v>83</v>
      </c>
      <c r="E333" s="33" t="s">
        <v>28</v>
      </c>
      <c r="F333" s="8"/>
      <c r="G333" s="9" t="s">
        <v>34</v>
      </c>
      <c r="H333" s="8"/>
      <c r="I333" s="9" t="s">
        <v>36</v>
      </c>
      <c r="J333" s="8"/>
      <c r="K333" s="9" t="s">
        <v>37</v>
      </c>
      <c r="L333" s="8"/>
      <c r="M333" s="33" t="s">
        <v>32</v>
      </c>
      <c r="N333" s="8"/>
      <c r="O333" s="9" t="s">
        <v>39</v>
      </c>
    </row>
    <row r="334" spans="3:15" s="5" customFormat="1" ht="9" customHeight="1" thickBot="1" x14ac:dyDescent="0.3">
      <c r="C334" s="32"/>
      <c r="E334" s="34"/>
      <c r="F334" s="8"/>
      <c r="G334" s="8"/>
      <c r="H334" s="8"/>
      <c r="I334" s="8"/>
      <c r="J334" s="8"/>
      <c r="K334" s="8"/>
      <c r="L334" s="8"/>
      <c r="M334" s="34"/>
      <c r="N334" s="8"/>
      <c r="O334" s="8"/>
    </row>
    <row r="335" spans="3:15" ht="27" customHeight="1" thickBot="1" x14ac:dyDescent="0.3">
      <c r="C335" s="32"/>
      <c r="E335" s="35"/>
      <c r="F335" s="8"/>
      <c r="G335" s="9" t="s">
        <v>35</v>
      </c>
      <c r="H335" s="8"/>
      <c r="I335" s="9" t="s">
        <v>7</v>
      </c>
      <c r="J335" s="8"/>
      <c r="K335" s="9" t="s">
        <v>38</v>
      </c>
      <c r="L335" s="8"/>
      <c r="M335" s="35"/>
      <c r="N335" s="8"/>
      <c r="O335" s="9" t="s">
        <v>40</v>
      </c>
    </row>
    <row r="336" spans="3:15" ht="21.75" customHeight="1" thickBot="1" x14ac:dyDescent="0.3"/>
    <row r="337" spans="3:15" ht="26.25" customHeight="1" thickBot="1" x14ac:dyDescent="0.3">
      <c r="C337" s="32">
        <v>84</v>
      </c>
      <c r="E337" s="33" t="s">
        <v>28</v>
      </c>
      <c r="F337" s="8"/>
      <c r="G337" s="9" t="s">
        <v>34</v>
      </c>
      <c r="H337" s="8"/>
      <c r="I337" s="9" t="s">
        <v>36</v>
      </c>
      <c r="J337" s="8"/>
      <c r="K337" s="9" t="s">
        <v>37</v>
      </c>
      <c r="L337" s="8"/>
      <c r="M337" s="33" t="s">
        <v>32</v>
      </c>
      <c r="N337" s="8"/>
      <c r="O337" s="9" t="s">
        <v>39</v>
      </c>
    </row>
    <row r="338" spans="3:15" s="5" customFormat="1" ht="9" customHeight="1" thickBot="1" x14ac:dyDescent="0.3">
      <c r="C338" s="32"/>
      <c r="E338" s="34"/>
      <c r="F338" s="8"/>
      <c r="G338" s="8"/>
      <c r="H338" s="8"/>
      <c r="I338" s="8"/>
      <c r="J338" s="8"/>
      <c r="K338" s="8"/>
      <c r="L338" s="8"/>
      <c r="M338" s="34"/>
      <c r="N338" s="8"/>
      <c r="O338" s="8"/>
    </row>
    <row r="339" spans="3:15" ht="27" customHeight="1" thickBot="1" x14ac:dyDescent="0.3">
      <c r="C339" s="32"/>
      <c r="E339" s="35"/>
      <c r="F339" s="8"/>
      <c r="G339" s="9" t="s">
        <v>35</v>
      </c>
      <c r="H339" s="8"/>
      <c r="I339" s="9" t="s">
        <v>7</v>
      </c>
      <c r="J339" s="8"/>
      <c r="K339" s="9" t="s">
        <v>38</v>
      </c>
      <c r="L339" s="8"/>
      <c r="M339" s="35"/>
      <c r="N339" s="8"/>
      <c r="O339" s="9" t="s">
        <v>40</v>
      </c>
    </row>
    <row r="340" spans="3:15" ht="21.75" customHeight="1" thickBot="1" x14ac:dyDescent="0.3"/>
    <row r="341" spans="3:15" ht="26.25" customHeight="1" thickBot="1" x14ac:dyDescent="0.3">
      <c r="C341" s="32">
        <v>85</v>
      </c>
      <c r="E341" s="33" t="s">
        <v>28</v>
      </c>
      <c r="F341" s="8"/>
      <c r="G341" s="9" t="s">
        <v>34</v>
      </c>
      <c r="H341" s="8"/>
      <c r="I341" s="9" t="s">
        <v>36</v>
      </c>
      <c r="J341" s="8"/>
      <c r="K341" s="9" t="s">
        <v>37</v>
      </c>
      <c r="L341" s="8"/>
      <c r="M341" s="33" t="s">
        <v>32</v>
      </c>
      <c r="N341" s="8"/>
      <c r="O341" s="9" t="s">
        <v>39</v>
      </c>
    </row>
    <row r="342" spans="3:15" s="5" customFormat="1" ht="9" customHeight="1" thickBot="1" x14ac:dyDescent="0.3">
      <c r="C342" s="32"/>
      <c r="E342" s="34"/>
      <c r="F342" s="8"/>
      <c r="G342" s="8"/>
      <c r="H342" s="8"/>
      <c r="I342" s="8"/>
      <c r="J342" s="8"/>
      <c r="K342" s="8"/>
      <c r="L342" s="8"/>
      <c r="M342" s="34"/>
      <c r="N342" s="8"/>
      <c r="O342" s="8"/>
    </row>
    <row r="343" spans="3:15" ht="27" customHeight="1" thickBot="1" x14ac:dyDescent="0.3">
      <c r="C343" s="32"/>
      <c r="E343" s="35"/>
      <c r="F343" s="8"/>
      <c r="G343" s="9" t="s">
        <v>35</v>
      </c>
      <c r="H343" s="8"/>
      <c r="I343" s="9" t="s">
        <v>7</v>
      </c>
      <c r="J343" s="8"/>
      <c r="K343" s="9" t="s">
        <v>38</v>
      </c>
      <c r="L343" s="8"/>
      <c r="M343" s="35"/>
      <c r="N343" s="8"/>
      <c r="O343" s="9" t="s">
        <v>40</v>
      </c>
    </row>
    <row r="344" spans="3:15" ht="16.5" customHeight="1" thickBot="1" x14ac:dyDescent="0.3"/>
    <row r="345" spans="3:15" ht="26.25" customHeight="1" thickBot="1" x14ac:dyDescent="0.3">
      <c r="C345" s="32">
        <v>86</v>
      </c>
      <c r="E345" s="33" t="s">
        <v>28</v>
      </c>
      <c r="F345" s="8"/>
      <c r="G345" s="9" t="s">
        <v>34</v>
      </c>
      <c r="H345" s="8"/>
      <c r="I345" s="9" t="s">
        <v>36</v>
      </c>
      <c r="J345" s="8"/>
      <c r="K345" s="9" t="s">
        <v>37</v>
      </c>
      <c r="L345" s="8"/>
      <c r="M345" s="33" t="s">
        <v>32</v>
      </c>
      <c r="N345" s="8"/>
      <c r="O345" s="9" t="s">
        <v>39</v>
      </c>
    </row>
    <row r="346" spans="3:15" s="5" customFormat="1" ht="9" customHeight="1" thickBot="1" x14ac:dyDescent="0.3">
      <c r="C346" s="32"/>
      <c r="E346" s="34"/>
      <c r="F346" s="8"/>
      <c r="G346" s="8"/>
      <c r="H346" s="8"/>
      <c r="I346" s="8"/>
      <c r="J346" s="8"/>
      <c r="K346" s="8"/>
      <c r="L346" s="8"/>
      <c r="M346" s="34"/>
      <c r="N346" s="8"/>
      <c r="O346" s="8"/>
    </row>
    <row r="347" spans="3:15" ht="27" customHeight="1" thickBot="1" x14ac:dyDescent="0.3">
      <c r="C347" s="32"/>
      <c r="E347" s="35"/>
      <c r="F347" s="8"/>
      <c r="G347" s="9" t="s">
        <v>35</v>
      </c>
      <c r="H347" s="8"/>
      <c r="I347" s="9" t="s">
        <v>7</v>
      </c>
      <c r="J347" s="8"/>
      <c r="K347" s="9" t="s">
        <v>38</v>
      </c>
      <c r="L347" s="8"/>
      <c r="M347" s="35"/>
      <c r="N347" s="8"/>
      <c r="O347" s="9" t="s">
        <v>40</v>
      </c>
    </row>
    <row r="348" spans="3:15" ht="21.75" customHeight="1" thickBot="1" x14ac:dyDescent="0.3"/>
    <row r="349" spans="3:15" ht="26.25" customHeight="1" thickBot="1" x14ac:dyDescent="0.3">
      <c r="C349" s="32">
        <v>87</v>
      </c>
      <c r="E349" s="33" t="s">
        <v>28</v>
      </c>
      <c r="F349" s="8"/>
      <c r="G349" s="9" t="s">
        <v>34</v>
      </c>
      <c r="H349" s="8"/>
      <c r="I349" s="9" t="s">
        <v>36</v>
      </c>
      <c r="J349" s="8"/>
      <c r="K349" s="9" t="s">
        <v>37</v>
      </c>
      <c r="L349" s="8"/>
      <c r="M349" s="33" t="s">
        <v>32</v>
      </c>
      <c r="N349" s="8"/>
      <c r="O349" s="9" t="s">
        <v>39</v>
      </c>
    </row>
    <row r="350" spans="3:15" s="5" customFormat="1" ht="9" customHeight="1" thickBot="1" x14ac:dyDescent="0.3">
      <c r="C350" s="32"/>
      <c r="E350" s="34"/>
      <c r="F350" s="8"/>
      <c r="G350" s="8"/>
      <c r="H350" s="8"/>
      <c r="I350" s="8"/>
      <c r="J350" s="8"/>
      <c r="K350" s="8"/>
      <c r="L350" s="8"/>
      <c r="M350" s="34"/>
      <c r="N350" s="8"/>
      <c r="O350" s="8"/>
    </row>
    <row r="351" spans="3:15" ht="27" customHeight="1" thickBot="1" x14ac:dyDescent="0.3">
      <c r="C351" s="32"/>
      <c r="E351" s="35"/>
      <c r="F351" s="8"/>
      <c r="G351" s="9" t="s">
        <v>35</v>
      </c>
      <c r="H351" s="8"/>
      <c r="I351" s="9" t="s">
        <v>7</v>
      </c>
      <c r="J351" s="8"/>
      <c r="K351" s="9" t="s">
        <v>38</v>
      </c>
      <c r="L351" s="8"/>
      <c r="M351" s="35"/>
      <c r="N351" s="8"/>
      <c r="O351" s="9" t="s">
        <v>40</v>
      </c>
    </row>
    <row r="352" spans="3:15" ht="21.75" customHeight="1" thickBot="1" x14ac:dyDescent="0.3"/>
    <row r="353" spans="3:15" ht="26.25" customHeight="1" thickBot="1" x14ac:dyDescent="0.3">
      <c r="C353" s="32">
        <v>88</v>
      </c>
      <c r="E353" s="33" t="s">
        <v>28</v>
      </c>
      <c r="F353" s="8"/>
      <c r="G353" s="9" t="s">
        <v>34</v>
      </c>
      <c r="H353" s="8"/>
      <c r="I353" s="9" t="s">
        <v>36</v>
      </c>
      <c r="J353" s="8"/>
      <c r="K353" s="9" t="s">
        <v>37</v>
      </c>
      <c r="L353" s="8"/>
      <c r="M353" s="33" t="s">
        <v>32</v>
      </c>
      <c r="N353" s="8"/>
      <c r="O353" s="9" t="s">
        <v>39</v>
      </c>
    </row>
    <row r="354" spans="3:15" s="5" customFormat="1" ht="9" customHeight="1" thickBot="1" x14ac:dyDescent="0.3">
      <c r="C354" s="32"/>
      <c r="E354" s="34"/>
      <c r="F354" s="8"/>
      <c r="G354" s="8"/>
      <c r="H354" s="8"/>
      <c r="I354" s="8"/>
      <c r="J354" s="8"/>
      <c r="K354" s="8"/>
      <c r="L354" s="8"/>
      <c r="M354" s="34"/>
      <c r="N354" s="8"/>
      <c r="O354" s="8"/>
    </row>
    <row r="355" spans="3:15" ht="27" customHeight="1" thickBot="1" x14ac:dyDescent="0.3">
      <c r="C355" s="32"/>
      <c r="E355" s="35"/>
      <c r="F355" s="8"/>
      <c r="G355" s="9" t="s">
        <v>35</v>
      </c>
      <c r="H355" s="8"/>
      <c r="I355" s="9" t="s">
        <v>7</v>
      </c>
      <c r="J355" s="8"/>
      <c r="K355" s="9" t="s">
        <v>38</v>
      </c>
      <c r="L355" s="8"/>
      <c r="M355" s="35"/>
      <c r="N355" s="8"/>
      <c r="O355" s="9" t="s">
        <v>40</v>
      </c>
    </row>
    <row r="356" spans="3:15" ht="21.75" customHeight="1" thickBot="1" x14ac:dyDescent="0.3"/>
    <row r="357" spans="3:15" ht="26.25" customHeight="1" thickBot="1" x14ac:dyDescent="0.3">
      <c r="C357" s="32">
        <v>89</v>
      </c>
      <c r="E357" s="33" t="s">
        <v>28</v>
      </c>
      <c r="F357" s="8"/>
      <c r="G357" s="9" t="s">
        <v>34</v>
      </c>
      <c r="H357" s="8"/>
      <c r="I357" s="9" t="s">
        <v>36</v>
      </c>
      <c r="J357" s="8"/>
      <c r="K357" s="9" t="s">
        <v>37</v>
      </c>
      <c r="L357" s="8"/>
      <c r="M357" s="33" t="s">
        <v>32</v>
      </c>
      <c r="N357" s="8"/>
      <c r="O357" s="9" t="s">
        <v>39</v>
      </c>
    </row>
    <row r="358" spans="3:15" s="5" customFormat="1" ht="9" customHeight="1" thickBot="1" x14ac:dyDescent="0.3">
      <c r="C358" s="32"/>
      <c r="E358" s="34"/>
      <c r="F358" s="8"/>
      <c r="G358" s="8"/>
      <c r="H358" s="8"/>
      <c r="I358" s="8"/>
      <c r="J358" s="8"/>
      <c r="K358" s="8"/>
      <c r="L358" s="8"/>
      <c r="M358" s="34"/>
      <c r="N358" s="8"/>
      <c r="O358" s="8"/>
    </row>
    <row r="359" spans="3:15" ht="27" customHeight="1" thickBot="1" x14ac:dyDescent="0.3">
      <c r="C359" s="32"/>
      <c r="E359" s="35"/>
      <c r="F359" s="8"/>
      <c r="G359" s="9" t="s">
        <v>35</v>
      </c>
      <c r="H359" s="8"/>
      <c r="I359" s="9" t="s">
        <v>7</v>
      </c>
      <c r="J359" s="8"/>
      <c r="K359" s="9" t="s">
        <v>38</v>
      </c>
      <c r="L359" s="8"/>
      <c r="M359" s="35"/>
      <c r="N359" s="8"/>
      <c r="O359" s="9" t="s">
        <v>40</v>
      </c>
    </row>
    <row r="360" spans="3:15" ht="16.5" customHeight="1" thickBot="1" x14ac:dyDescent="0.3"/>
    <row r="361" spans="3:15" ht="26.25" customHeight="1" thickBot="1" x14ac:dyDescent="0.3">
      <c r="C361" s="32">
        <v>90</v>
      </c>
      <c r="E361" s="33" t="s">
        <v>28</v>
      </c>
      <c r="F361" s="8"/>
      <c r="G361" s="9" t="s">
        <v>34</v>
      </c>
      <c r="H361" s="8"/>
      <c r="I361" s="9" t="s">
        <v>36</v>
      </c>
      <c r="J361" s="8"/>
      <c r="K361" s="9" t="s">
        <v>37</v>
      </c>
      <c r="L361" s="8"/>
      <c r="M361" s="33" t="s">
        <v>32</v>
      </c>
      <c r="N361" s="8"/>
      <c r="O361" s="9" t="s">
        <v>39</v>
      </c>
    </row>
    <row r="362" spans="3:15" s="5" customFormat="1" ht="9" customHeight="1" thickBot="1" x14ac:dyDescent="0.3">
      <c r="C362" s="32"/>
      <c r="E362" s="34"/>
      <c r="F362" s="8"/>
      <c r="G362" s="8"/>
      <c r="H362" s="8"/>
      <c r="I362" s="8"/>
      <c r="J362" s="8"/>
      <c r="K362" s="8"/>
      <c r="L362" s="8"/>
      <c r="M362" s="34"/>
      <c r="N362" s="8"/>
      <c r="O362" s="8"/>
    </row>
    <row r="363" spans="3:15" ht="27" customHeight="1" thickBot="1" x14ac:dyDescent="0.3">
      <c r="C363" s="32"/>
      <c r="E363" s="35"/>
      <c r="F363" s="8"/>
      <c r="G363" s="9" t="s">
        <v>35</v>
      </c>
      <c r="H363" s="8"/>
      <c r="I363" s="9" t="s">
        <v>7</v>
      </c>
      <c r="J363" s="8"/>
      <c r="K363" s="9" t="s">
        <v>38</v>
      </c>
      <c r="L363" s="8"/>
      <c r="M363" s="35"/>
      <c r="N363" s="8"/>
      <c r="O363" s="9" t="s">
        <v>40</v>
      </c>
    </row>
    <row r="364" spans="3:15" ht="21.75" customHeight="1" thickBot="1" x14ac:dyDescent="0.3"/>
    <row r="365" spans="3:15" ht="26.25" customHeight="1" thickBot="1" x14ac:dyDescent="0.3">
      <c r="C365" s="32">
        <v>91</v>
      </c>
      <c r="E365" s="33" t="s">
        <v>28</v>
      </c>
      <c r="F365" s="8"/>
      <c r="G365" s="9" t="s">
        <v>34</v>
      </c>
      <c r="H365" s="8"/>
      <c r="I365" s="9" t="s">
        <v>36</v>
      </c>
      <c r="J365" s="8"/>
      <c r="K365" s="9" t="s">
        <v>37</v>
      </c>
      <c r="L365" s="8"/>
      <c r="M365" s="33" t="s">
        <v>32</v>
      </c>
      <c r="N365" s="8"/>
      <c r="O365" s="9" t="s">
        <v>39</v>
      </c>
    </row>
    <row r="366" spans="3:15" s="5" customFormat="1" ht="9" customHeight="1" thickBot="1" x14ac:dyDescent="0.3">
      <c r="C366" s="32"/>
      <c r="E366" s="34"/>
      <c r="F366" s="8"/>
      <c r="G366" s="8"/>
      <c r="H366" s="8"/>
      <c r="I366" s="8"/>
      <c r="J366" s="8"/>
      <c r="K366" s="8"/>
      <c r="L366" s="8"/>
      <c r="M366" s="34"/>
      <c r="N366" s="8"/>
      <c r="O366" s="8"/>
    </row>
    <row r="367" spans="3:15" ht="27" customHeight="1" thickBot="1" x14ac:dyDescent="0.3">
      <c r="C367" s="32"/>
      <c r="E367" s="35"/>
      <c r="F367" s="8"/>
      <c r="G367" s="9" t="s">
        <v>35</v>
      </c>
      <c r="H367" s="8"/>
      <c r="I367" s="9" t="s">
        <v>7</v>
      </c>
      <c r="J367" s="8"/>
      <c r="K367" s="9" t="s">
        <v>38</v>
      </c>
      <c r="L367" s="8"/>
      <c r="M367" s="35"/>
      <c r="N367" s="8"/>
      <c r="O367" s="9" t="s">
        <v>40</v>
      </c>
    </row>
    <row r="368" spans="3:15" ht="21.75" customHeight="1" thickBot="1" x14ac:dyDescent="0.3"/>
    <row r="369" spans="3:15" ht="26.25" customHeight="1" thickBot="1" x14ac:dyDescent="0.3">
      <c r="C369" s="32">
        <v>92</v>
      </c>
      <c r="E369" s="33" t="s">
        <v>28</v>
      </c>
      <c r="F369" s="8"/>
      <c r="G369" s="9" t="s">
        <v>34</v>
      </c>
      <c r="H369" s="8"/>
      <c r="I369" s="9" t="s">
        <v>36</v>
      </c>
      <c r="J369" s="8"/>
      <c r="K369" s="9" t="s">
        <v>37</v>
      </c>
      <c r="L369" s="8"/>
      <c r="M369" s="33" t="s">
        <v>32</v>
      </c>
      <c r="N369" s="8"/>
      <c r="O369" s="9" t="s">
        <v>39</v>
      </c>
    </row>
    <row r="370" spans="3:15" s="5" customFormat="1" ht="9" customHeight="1" thickBot="1" x14ac:dyDescent="0.3">
      <c r="C370" s="32"/>
      <c r="E370" s="34"/>
      <c r="F370" s="8"/>
      <c r="G370" s="8"/>
      <c r="H370" s="8"/>
      <c r="I370" s="8"/>
      <c r="J370" s="8"/>
      <c r="K370" s="8"/>
      <c r="L370" s="8"/>
      <c r="M370" s="34"/>
      <c r="N370" s="8"/>
      <c r="O370" s="8"/>
    </row>
    <row r="371" spans="3:15" ht="27" customHeight="1" thickBot="1" x14ac:dyDescent="0.3">
      <c r="C371" s="32"/>
      <c r="E371" s="35"/>
      <c r="F371" s="8"/>
      <c r="G371" s="9" t="s">
        <v>35</v>
      </c>
      <c r="H371" s="8"/>
      <c r="I371" s="9" t="s">
        <v>7</v>
      </c>
      <c r="J371" s="8"/>
      <c r="K371" s="9" t="s">
        <v>38</v>
      </c>
      <c r="L371" s="8"/>
      <c r="M371" s="35"/>
      <c r="N371" s="8"/>
      <c r="O371" s="9" t="s">
        <v>40</v>
      </c>
    </row>
    <row r="372" spans="3:15" ht="21.75" customHeight="1" thickBot="1" x14ac:dyDescent="0.3"/>
    <row r="373" spans="3:15" ht="26.25" customHeight="1" thickBot="1" x14ac:dyDescent="0.3">
      <c r="C373" s="32">
        <v>93</v>
      </c>
      <c r="E373" s="33" t="s">
        <v>28</v>
      </c>
      <c r="F373" s="8"/>
      <c r="G373" s="9" t="s">
        <v>34</v>
      </c>
      <c r="H373" s="8"/>
      <c r="I373" s="9" t="s">
        <v>36</v>
      </c>
      <c r="J373" s="8"/>
      <c r="K373" s="9" t="s">
        <v>37</v>
      </c>
      <c r="L373" s="8"/>
      <c r="M373" s="33" t="s">
        <v>32</v>
      </c>
      <c r="N373" s="8"/>
      <c r="O373" s="9" t="s">
        <v>39</v>
      </c>
    </row>
    <row r="374" spans="3:15" s="5" customFormat="1" ht="9" customHeight="1" thickBot="1" x14ac:dyDescent="0.3">
      <c r="C374" s="32"/>
      <c r="E374" s="34"/>
      <c r="F374" s="8"/>
      <c r="G374" s="8"/>
      <c r="H374" s="8"/>
      <c r="I374" s="8"/>
      <c r="J374" s="8"/>
      <c r="K374" s="8"/>
      <c r="L374" s="8"/>
      <c r="M374" s="34"/>
      <c r="N374" s="8"/>
      <c r="O374" s="8"/>
    </row>
    <row r="375" spans="3:15" ht="27" customHeight="1" thickBot="1" x14ac:dyDescent="0.3">
      <c r="C375" s="32"/>
      <c r="E375" s="35"/>
      <c r="F375" s="8"/>
      <c r="G375" s="9" t="s">
        <v>35</v>
      </c>
      <c r="H375" s="8"/>
      <c r="I375" s="9" t="s">
        <v>7</v>
      </c>
      <c r="J375" s="8"/>
      <c r="K375" s="9" t="s">
        <v>38</v>
      </c>
      <c r="L375" s="8"/>
      <c r="M375" s="35"/>
      <c r="N375" s="8"/>
      <c r="O375" s="9" t="s">
        <v>40</v>
      </c>
    </row>
    <row r="376" spans="3:15" ht="16.5" customHeight="1" thickBot="1" x14ac:dyDescent="0.3"/>
    <row r="377" spans="3:15" ht="26.25" customHeight="1" thickBot="1" x14ac:dyDescent="0.3">
      <c r="C377" s="32">
        <v>94</v>
      </c>
      <c r="E377" s="33" t="s">
        <v>28</v>
      </c>
      <c r="F377" s="8"/>
      <c r="G377" s="9" t="s">
        <v>34</v>
      </c>
      <c r="H377" s="8"/>
      <c r="I377" s="9" t="s">
        <v>36</v>
      </c>
      <c r="J377" s="8"/>
      <c r="K377" s="9" t="s">
        <v>37</v>
      </c>
      <c r="L377" s="8"/>
      <c r="M377" s="33" t="s">
        <v>32</v>
      </c>
      <c r="N377" s="8"/>
      <c r="O377" s="9" t="s">
        <v>39</v>
      </c>
    </row>
    <row r="378" spans="3:15" s="5" customFormat="1" ht="9" customHeight="1" thickBot="1" x14ac:dyDescent="0.3">
      <c r="C378" s="32"/>
      <c r="E378" s="34"/>
      <c r="F378" s="8"/>
      <c r="G378" s="8"/>
      <c r="H378" s="8"/>
      <c r="I378" s="8"/>
      <c r="J378" s="8"/>
      <c r="K378" s="8"/>
      <c r="L378" s="8"/>
      <c r="M378" s="34"/>
      <c r="N378" s="8"/>
      <c r="O378" s="8"/>
    </row>
    <row r="379" spans="3:15" ht="27" customHeight="1" thickBot="1" x14ac:dyDescent="0.3">
      <c r="C379" s="32"/>
      <c r="E379" s="35"/>
      <c r="F379" s="8"/>
      <c r="G379" s="9" t="s">
        <v>35</v>
      </c>
      <c r="H379" s="8"/>
      <c r="I379" s="9" t="s">
        <v>7</v>
      </c>
      <c r="J379" s="8"/>
      <c r="K379" s="9" t="s">
        <v>38</v>
      </c>
      <c r="L379" s="8"/>
      <c r="M379" s="35"/>
      <c r="N379" s="8"/>
      <c r="O379" s="9" t="s">
        <v>40</v>
      </c>
    </row>
    <row r="380" spans="3:15" ht="21.75" customHeight="1" thickBot="1" x14ac:dyDescent="0.3"/>
    <row r="381" spans="3:15" ht="26.25" customHeight="1" thickBot="1" x14ac:dyDescent="0.3">
      <c r="C381" s="32">
        <v>95</v>
      </c>
      <c r="E381" s="33" t="s">
        <v>28</v>
      </c>
      <c r="F381" s="8"/>
      <c r="G381" s="9" t="s">
        <v>34</v>
      </c>
      <c r="H381" s="8"/>
      <c r="I381" s="9" t="s">
        <v>36</v>
      </c>
      <c r="J381" s="8"/>
      <c r="K381" s="9" t="s">
        <v>37</v>
      </c>
      <c r="L381" s="8"/>
      <c r="M381" s="33" t="s">
        <v>32</v>
      </c>
      <c r="N381" s="8"/>
      <c r="O381" s="9" t="s">
        <v>39</v>
      </c>
    </row>
    <row r="382" spans="3:15" s="5" customFormat="1" ht="9" customHeight="1" thickBot="1" x14ac:dyDescent="0.3">
      <c r="C382" s="32"/>
      <c r="E382" s="34"/>
      <c r="F382" s="8"/>
      <c r="G382" s="8"/>
      <c r="H382" s="8"/>
      <c r="I382" s="8"/>
      <c r="J382" s="8"/>
      <c r="K382" s="8"/>
      <c r="L382" s="8"/>
      <c r="M382" s="34"/>
      <c r="N382" s="8"/>
      <c r="O382" s="8"/>
    </row>
    <row r="383" spans="3:15" ht="27" customHeight="1" thickBot="1" x14ac:dyDescent="0.3">
      <c r="C383" s="32"/>
      <c r="E383" s="35"/>
      <c r="F383" s="8"/>
      <c r="G383" s="9" t="s">
        <v>35</v>
      </c>
      <c r="H383" s="8"/>
      <c r="I383" s="9" t="s">
        <v>7</v>
      </c>
      <c r="J383" s="8"/>
      <c r="K383" s="9" t="s">
        <v>38</v>
      </c>
      <c r="L383" s="8"/>
      <c r="M383" s="35"/>
      <c r="N383" s="8"/>
      <c r="O383" s="9" t="s">
        <v>40</v>
      </c>
    </row>
    <row r="384" spans="3:15" ht="21.75" customHeight="1" thickBot="1" x14ac:dyDescent="0.3"/>
    <row r="385" spans="3:15" ht="26.25" customHeight="1" thickBot="1" x14ac:dyDescent="0.3">
      <c r="C385" s="32">
        <v>96</v>
      </c>
      <c r="E385" s="33" t="s">
        <v>28</v>
      </c>
      <c r="F385" s="8"/>
      <c r="G385" s="9" t="s">
        <v>34</v>
      </c>
      <c r="H385" s="8"/>
      <c r="I385" s="9" t="s">
        <v>36</v>
      </c>
      <c r="J385" s="8"/>
      <c r="K385" s="9" t="s">
        <v>37</v>
      </c>
      <c r="L385" s="8"/>
      <c r="M385" s="33" t="s">
        <v>32</v>
      </c>
      <c r="N385" s="8"/>
      <c r="O385" s="9" t="s">
        <v>39</v>
      </c>
    </row>
    <row r="386" spans="3:15" s="5" customFormat="1" ht="9" customHeight="1" thickBot="1" x14ac:dyDescent="0.3">
      <c r="C386" s="32"/>
      <c r="E386" s="34"/>
      <c r="F386" s="8"/>
      <c r="G386" s="8"/>
      <c r="H386" s="8"/>
      <c r="I386" s="8"/>
      <c r="J386" s="8"/>
      <c r="K386" s="8"/>
      <c r="L386" s="8"/>
      <c r="M386" s="34"/>
      <c r="N386" s="8"/>
      <c r="O386" s="8"/>
    </row>
    <row r="387" spans="3:15" ht="27" customHeight="1" thickBot="1" x14ac:dyDescent="0.3">
      <c r="C387" s="32"/>
      <c r="E387" s="35"/>
      <c r="F387" s="8"/>
      <c r="G387" s="9" t="s">
        <v>35</v>
      </c>
      <c r="H387" s="8"/>
      <c r="I387" s="9" t="s">
        <v>7</v>
      </c>
      <c r="J387" s="8"/>
      <c r="K387" s="9" t="s">
        <v>38</v>
      </c>
      <c r="L387" s="8"/>
      <c r="M387" s="35"/>
      <c r="N387" s="8"/>
      <c r="O387" s="9" t="s">
        <v>40</v>
      </c>
    </row>
    <row r="388" spans="3:15" ht="21.75" customHeight="1" thickBot="1" x14ac:dyDescent="0.3"/>
    <row r="389" spans="3:15" ht="26.25" customHeight="1" thickBot="1" x14ac:dyDescent="0.3">
      <c r="C389" s="32">
        <v>97</v>
      </c>
      <c r="E389" s="33" t="s">
        <v>28</v>
      </c>
      <c r="F389" s="8"/>
      <c r="G389" s="9" t="s">
        <v>34</v>
      </c>
      <c r="H389" s="8"/>
      <c r="I389" s="9" t="s">
        <v>36</v>
      </c>
      <c r="J389" s="8"/>
      <c r="K389" s="9" t="s">
        <v>37</v>
      </c>
      <c r="L389" s="8"/>
      <c r="M389" s="33" t="s">
        <v>32</v>
      </c>
      <c r="N389" s="8"/>
      <c r="O389" s="9" t="s">
        <v>39</v>
      </c>
    </row>
    <row r="390" spans="3:15" s="5" customFormat="1" ht="9" customHeight="1" thickBot="1" x14ac:dyDescent="0.3">
      <c r="C390" s="32"/>
      <c r="E390" s="34"/>
      <c r="F390" s="8"/>
      <c r="G390" s="8"/>
      <c r="H390" s="8"/>
      <c r="I390" s="8"/>
      <c r="J390" s="8"/>
      <c r="K390" s="8"/>
      <c r="L390" s="8"/>
      <c r="M390" s="34"/>
      <c r="N390" s="8"/>
      <c r="O390" s="8"/>
    </row>
    <row r="391" spans="3:15" ht="27" customHeight="1" thickBot="1" x14ac:dyDescent="0.3">
      <c r="C391" s="32"/>
      <c r="E391" s="35"/>
      <c r="F391" s="8"/>
      <c r="G391" s="9" t="s">
        <v>35</v>
      </c>
      <c r="H391" s="8"/>
      <c r="I391" s="9" t="s">
        <v>7</v>
      </c>
      <c r="J391" s="8"/>
      <c r="K391" s="9" t="s">
        <v>38</v>
      </c>
      <c r="L391" s="8"/>
      <c r="M391" s="35"/>
      <c r="N391" s="8"/>
      <c r="O391" s="9" t="s">
        <v>40</v>
      </c>
    </row>
    <row r="392" spans="3:15" ht="21.75" customHeight="1" thickBot="1" x14ac:dyDescent="0.3"/>
    <row r="393" spans="3:15" ht="26.25" customHeight="1" thickBot="1" x14ac:dyDescent="0.3">
      <c r="C393" s="32">
        <v>98</v>
      </c>
      <c r="E393" s="33" t="s">
        <v>28</v>
      </c>
      <c r="F393" s="8"/>
      <c r="G393" s="9" t="s">
        <v>34</v>
      </c>
      <c r="H393" s="8"/>
      <c r="I393" s="9" t="s">
        <v>36</v>
      </c>
      <c r="J393" s="8"/>
      <c r="K393" s="9" t="s">
        <v>37</v>
      </c>
      <c r="L393" s="8"/>
      <c r="M393" s="33" t="s">
        <v>32</v>
      </c>
      <c r="N393" s="8"/>
      <c r="O393" s="9" t="s">
        <v>39</v>
      </c>
    </row>
    <row r="394" spans="3:15" s="5" customFormat="1" ht="9" customHeight="1" thickBot="1" x14ac:dyDescent="0.3">
      <c r="C394" s="32"/>
      <c r="E394" s="34"/>
      <c r="F394" s="8"/>
      <c r="G394" s="8"/>
      <c r="H394" s="8"/>
      <c r="I394" s="8"/>
      <c r="J394" s="8"/>
      <c r="K394" s="8"/>
      <c r="L394" s="8"/>
      <c r="M394" s="34"/>
      <c r="N394" s="8"/>
      <c r="O394" s="8"/>
    </row>
    <row r="395" spans="3:15" ht="27" customHeight="1" thickBot="1" x14ac:dyDescent="0.3">
      <c r="C395" s="32"/>
      <c r="E395" s="35"/>
      <c r="F395" s="8"/>
      <c r="G395" s="9" t="s">
        <v>35</v>
      </c>
      <c r="H395" s="8"/>
      <c r="I395" s="9" t="s">
        <v>7</v>
      </c>
      <c r="J395" s="8"/>
      <c r="K395" s="9" t="s">
        <v>38</v>
      </c>
      <c r="L395" s="8"/>
      <c r="M395" s="35"/>
      <c r="N395" s="8"/>
      <c r="O395" s="9" t="s">
        <v>40</v>
      </c>
    </row>
    <row r="396" spans="3:15" ht="21.75" customHeight="1" thickBot="1" x14ac:dyDescent="0.3"/>
    <row r="397" spans="3:15" ht="26.25" customHeight="1" thickBot="1" x14ac:dyDescent="0.3">
      <c r="C397" s="32">
        <v>99</v>
      </c>
      <c r="E397" s="33" t="s">
        <v>28</v>
      </c>
      <c r="F397" s="8"/>
      <c r="G397" s="9" t="s">
        <v>34</v>
      </c>
      <c r="H397" s="8"/>
      <c r="I397" s="9" t="s">
        <v>36</v>
      </c>
      <c r="J397" s="8"/>
      <c r="K397" s="9" t="s">
        <v>37</v>
      </c>
      <c r="L397" s="8"/>
      <c r="M397" s="33" t="s">
        <v>32</v>
      </c>
      <c r="N397" s="8"/>
      <c r="O397" s="9" t="s">
        <v>39</v>
      </c>
    </row>
    <row r="398" spans="3:15" s="5" customFormat="1" ht="9" customHeight="1" thickBot="1" x14ac:dyDescent="0.3">
      <c r="C398" s="32"/>
      <c r="E398" s="34"/>
      <c r="F398" s="8"/>
      <c r="G398" s="8"/>
      <c r="H398" s="8"/>
      <c r="I398" s="8"/>
      <c r="J398" s="8"/>
      <c r="K398" s="8"/>
      <c r="L398" s="8"/>
      <c r="M398" s="34"/>
      <c r="N398" s="8"/>
      <c r="O398" s="8"/>
    </row>
    <row r="399" spans="3:15" ht="27" customHeight="1" thickBot="1" x14ac:dyDescent="0.3">
      <c r="C399" s="32"/>
      <c r="E399" s="35"/>
      <c r="F399" s="8"/>
      <c r="G399" s="9" t="s">
        <v>35</v>
      </c>
      <c r="H399" s="8"/>
      <c r="I399" s="9" t="s">
        <v>7</v>
      </c>
      <c r="J399" s="8"/>
      <c r="K399" s="9" t="s">
        <v>38</v>
      </c>
      <c r="L399" s="8"/>
      <c r="M399" s="35"/>
      <c r="N399" s="8"/>
      <c r="O399" s="9" t="s">
        <v>40</v>
      </c>
    </row>
    <row r="400" spans="3:15" ht="21.75" customHeight="1" thickBot="1" x14ac:dyDescent="0.3"/>
    <row r="401" spans="3:15" ht="26.25" customHeight="1" thickBot="1" x14ac:dyDescent="0.3">
      <c r="C401" s="32">
        <v>100</v>
      </c>
      <c r="E401" s="33" t="s">
        <v>28</v>
      </c>
      <c r="F401" s="8"/>
      <c r="G401" s="9" t="s">
        <v>34</v>
      </c>
      <c r="H401" s="8"/>
      <c r="I401" s="9" t="s">
        <v>36</v>
      </c>
      <c r="J401" s="8"/>
      <c r="K401" s="9" t="s">
        <v>37</v>
      </c>
      <c r="L401" s="8"/>
      <c r="M401" s="33" t="s">
        <v>32</v>
      </c>
      <c r="N401" s="8"/>
      <c r="O401" s="9" t="s">
        <v>39</v>
      </c>
    </row>
    <row r="402" spans="3:15" s="5" customFormat="1" ht="9" customHeight="1" thickBot="1" x14ac:dyDescent="0.3">
      <c r="C402" s="32"/>
      <c r="E402" s="34"/>
      <c r="F402" s="8"/>
      <c r="G402" s="8"/>
      <c r="H402" s="8"/>
      <c r="I402" s="8"/>
      <c r="J402" s="8"/>
      <c r="K402" s="8"/>
      <c r="L402" s="8"/>
      <c r="M402" s="34"/>
      <c r="N402" s="8"/>
      <c r="O402" s="8"/>
    </row>
    <row r="403" spans="3:15" ht="27" customHeight="1" thickBot="1" x14ac:dyDescent="0.3">
      <c r="C403" s="32"/>
      <c r="E403" s="35"/>
      <c r="F403" s="8"/>
      <c r="G403" s="9" t="s">
        <v>35</v>
      </c>
      <c r="H403" s="8"/>
      <c r="I403" s="9" t="s">
        <v>7</v>
      </c>
      <c r="J403" s="8"/>
      <c r="K403" s="9" t="s">
        <v>38</v>
      </c>
      <c r="L403" s="8"/>
      <c r="M403" s="35"/>
      <c r="N403" s="8"/>
      <c r="O403" s="9" t="s">
        <v>40</v>
      </c>
    </row>
    <row r="404" spans="3:15" ht="21.75" customHeight="1" thickBot="1" x14ac:dyDescent="0.3"/>
    <row r="405" spans="3:15" ht="26.25" customHeight="1" thickBot="1" x14ac:dyDescent="0.3">
      <c r="C405" s="32">
        <v>100</v>
      </c>
      <c r="E405" s="33" t="s">
        <v>0</v>
      </c>
      <c r="F405" s="8"/>
      <c r="G405" s="9" t="s">
        <v>1</v>
      </c>
      <c r="H405" s="8"/>
      <c r="I405" s="9" t="s">
        <v>6</v>
      </c>
      <c r="J405" s="8"/>
      <c r="K405" s="9" t="s">
        <v>3</v>
      </c>
      <c r="L405" s="8"/>
      <c r="M405" s="33" t="s">
        <v>4</v>
      </c>
      <c r="N405" s="8"/>
      <c r="O405" s="9" t="s">
        <v>9</v>
      </c>
    </row>
    <row r="406" spans="3:15" s="5" customFormat="1" ht="9" customHeight="1" thickBot="1" x14ac:dyDescent="0.3">
      <c r="C406" s="32"/>
      <c r="E406" s="34"/>
      <c r="F406" s="8"/>
      <c r="G406" s="8"/>
      <c r="H406" s="8"/>
      <c r="I406" s="8"/>
      <c r="J406" s="8"/>
      <c r="K406" s="8"/>
      <c r="L406" s="8"/>
      <c r="M406" s="34"/>
      <c r="N406" s="8"/>
      <c r="O406" s="8"/>
    </row>
    <row r="407" spans="3:15" ht="27" customHeight="1" thickBot="1" x14ac:dyDescent="0.3">
      <c r="C407" s="32"/>
      <c r="E407" s="35"/>
      <c r="F407" s="8"/>
      <c r="G407" s="9" t="s">
        <v>2</v>
      </c>
      <c r="H407" s="8"/>
      <c r="I407" s="9" t="s">
        <v>7</v>
      </c>
      <c r="J407" s="8"/>
      <c r="K407" s="9" t="s">
        <v>8</v>
      </c>
      <c r="L407" s="8"/>
      <c r="M407" s="35"/>
      <c r="N407" s="8"/>
      <c r="O407" s="9" t="s">
        <v>10</v>
      </c>
    </row>
    <row r="408" spans="3:15" ht="21.75" customHeight="1" x14ac:dyDescent="0.25"/>
  </sheetData>
  <sheetProtection password="E792" sheet="1" objects="1" scenarios="1"/>
  <protectedRanges>
    <protectedRange sqref="E5:O407" name="SeaExperience"/>
  </protectedRanges>
  <mergeCells count="304">
    <mergeCell ref="C9:C11"/>
    <mergeCell ref="E9:E11"/>
    <mergeCell ref="M9:M11"/>
    <mergeCell ref="E5:E7"/>
    <mergeCell ref="M5:M7"/>
    <mergeCell ref="C5:C7"/>
    <mergeCell ref="E1:O1"/>
    <mergeCell ref="C21:C23"/>
    <mergeCell ref="E21:E23"/>
    <mergeCell ref="M21:M23"/>
    <mergeCell ref="C25:C27"/>
    <mergeCell ref="E25:E27"/>
    <mergeCell ref="M25:M27"/>
    <mergeCell ref="C13:C15"/>
    <mergeCell ref="E13:E15"/>
    <mergeCell ref="M13:M15"/>
    <mergeCell ref="C17:C19"/>
    <mergeCell ref="E17:E19"/>
    <mergeCell ref="M17:M19"/>
    <mergeCell ref="C37:C39"/>
    <mergeCell ref="E37:E39"/>
    <mergeCell ref="M37:M39"/>
    <mergeCell ref="C41:C43"/>
    <mergeCell ref="E41:E43"/>
    <mergeCell ref="M41:M43"/>
    <mergeCell ref="C29:C31"/>
    <mergeCell ref="E29:E31"/>
    <mergeCell ref="M29:M31"/>
    <mergeCell ref="C33:C35"/>
    <mergeCell ref="E33:E35"/>
    <mergeCell ref="M33:M35"/>
    <mergeCell ref="C53:C55"/>
    <mergeCell ref="E53:E55"/>
    <mergeCell ref="M53:M55"/>
    <mergeCell ref="C57:C59"/>
    <mergeCell ref="E57:E59"/>
    <mergeCell ref="M57:M59"/>
    <mergeCell ref="C45:C47"/>
    <mergeCell ref="E45:E47"/>
    <mergeCell ref="M45:M47"/>
    <mergeCell ref="C49:C51"/>
    <mergeCell ref="E49:E51"/>
    <mergeCell ref="M49:M51"/>
    <mergeCell ref="C69:C71"/>
    <mergeCell ref="E69:E71"/>
    <mergeCell ref="M69:M71"/>
    <mergeCell ref="C73:C75"/>
    <mergeCell ref="E73:E75"/>
    <mergeCell ref="M73:M75"/>
    <mergeCell ref="C61:C63"/>
    <mergeCell ref="E61:E63"/>
    <mergeCell ref="M61:M63"/>
    <mergeCell ref="C65:C67"/>
    <mergeCell ref="E65:E67"/>
    <mergeCell ref="M65:M67"/>
    <mergeCell ref="C85:C87"/>
    <mergeCell ref="E85:E87"/>
    <mergeCell ref="M85:M87"/>
    <mergeCell ref="C89:C91"/>
    <mergeCell ref="E89:E91"/>
    <mergeCell ref="M89:M91"/>
    <mergeCell ref="C77:C79"/>
    <mergeCell ref="E77:E79"/>
    <mergeCell ref="M77:M79"/>
    <mergeCell ref="C81:C83"/>
    <mergeCell ref="E81:E83"/>
    <mergeCell ref="M81:M83"/>
    <mergeCell ref="C101:C103"/>
    <mergeCell ref="E101:E103"/>
    <mergeCell ref="M101:M103"/>
    <mergeCell ref="C105:C107"/>
    <mergeCell ref="E105:E107"/>
    <mergeCell ref="M105:M107"/>
    <mergeCell ref="C93:C95"/>
    <mergeCell ref="E93:E95"/>
    <mergeCell ref="M93:M95"/>
    <mergeCell ref="C97:C99"/>
    <mergeCell ref="E97:E99"/>
    <mergeCell ref="M97:M99"/>
    <mergeCell ref="C117:C119"/>
    <mergeCell ref="E117:E119"/>
    <mergeCell ref="M117:M119"/>
    <mergeCell ref="C121:C123"/>
    <mergeCell ref="E121:E123"/>
    <mergeCell ref="M121:M123"/>
    <mergeCell ref="C109:C111"/>
    <mergeCell ref="E109:E111"/>
    <mergeCell ref="M109:M111"/>
    <mergeCell ref="C113:C115"/>
    <mergeCell ref="E113:E115"/>
    <mergeCell ref="M113:M115"/>
    <mergeCell ref="C133:C135"/>
    <mergeCell ref="E133:E135"/>
    <mergeCell ref="M133:M135"/>
    <mergeCell ref="C137:C139"/>
    <mergeCell ref="E137:E139"/>
    <mergeCell ref="M137:M139"/>
    <mergeCell ref="C125:C127"/>
    <mergeCell ref="E125:E127"/>
    <mergeCell ref="M125:M127"/>
    <mergeCell ref="C129:C131"/>
    <mergeCell ref="E129:E131"/>
    <mergeCell ref="M129:M131"/>
    <mergeCell ref="C149:C151"/>
    <mergeCell ref="E149:E151"/>
    <mergeCell ref="M149:M151"/>
    <mergeCell ref="C153:C155"/>
    <mergeCell ref="E153:E155"/>
    <mergeCell ref="M153:M155"/>
    <mergeCell ref="C141:C143"/>
    <mergeCell ref="E141:E143"/>
    <mergeCell ref="M141:M143"/>
    <mergeCell ref="C145:C147"/>
    <mergeCell ref="E145:E147"/>
    <mergeCell ref="M145:M147"/>
    <mergeCell ref="C165:C167"/>
    <mergeCell ref="E165:E167"/>
    <mergeCell ref="M165:M167"/>
    <mergeCell ref="C169:C171"/>
    <mergeCell ref="E169:E171"/>
    <mergeCell ref="M169:M171"/>
    <mergeCell ref="C157:C159"/>
    <mergeCell ref="E157:E159"/>
    <mergeCell ref="M157:M159"/>
    <mergeCell ref="C161:C163"/>
    <mergeCell ref="E161:E163"/>
    <mergeCell ref="M161:M163"/>
    <mergeCell ref="C181:C183"/>
    <mergeCell ref="E181:E183"/>
    <mergeCell ref="M181:M183"/>
    <mergeCell ref="C185:C187"/>
    <mergeCell ref="E185:E187"/>
    <mergeCell ref="M185:M187"/>
    <mergeCell ref="C173:C175"/>
    <mergeCell ref="E173:E175"/>
    <mergeCell ref="M173:M175"/>
    <mergeCell ref="C177:C179"/>
    <mergeCell ref="E177:E179"/>
    <mergeCell ref="M177:M179"/>
    <mergeCell ref="C197:C199"/>
    <mergeCell ref="E197:E199"/>
    <mergeCell ref="M197:M199"/>
    <mergeCell ref="C201:C203"/>
    <mergeCell ref="E201:E203"/>
    <mergeCell ref="M201:M203"/>
    <mergeCell ref="C189:C191"/>
    <mergeCell ref="E189:E191"/>
    <mergeCell ref="M189:M191"/>
    <mergeCell ref="C193:C195"/>
    <mergeCell ref="E193:E195"/>
    <mergeCell ref="M193:M195"/>
    <mergeCell ref="C213:C215"/>
    <mergeCell ref="E213:E215"/>
    <mergeCell ref="M213:M215"/>
    <mergeCell ref="C217:C219"/>
    <mergeCell ref="E217:E219"/>
    <mergeCell ref="M217:M219"/>
    <mergeCell ref="C205:C207"/>
    <mergeCell ref="E205:E207"/>
    <mergeCell ref="M205:M207"/>
    <mergeCell ref="C209:C211"/>
    <mergeCell ref="E209:E211"/>
    <mergeCell ref="M209:M211"/>
    <mergeCell ref="C229:C231"/>
    <mergeCell ref="E229:E231"/>
    <mergeCell ref="M229:M231"/>
    <mergeCell ref="C233:C235"/>
    <mergeCell ref="E233:E235"/>
    <mergeCell ref="M233:M235"/>
    <mergeCell ref="C221:C223"/>
    <mergeCell ref="E221:E223"/>
    <mergeCell ref="M221:M223"/>
    <mergeCell ref="C225:C227"/>
    <mergeCell ref="E225:E227"/>
    <mergeCell ref="M225:M227"/>
    <mergeCell ref="C245:C247"/>
    <mergeCell ref="E245:E247"/>
    <mergeCell ref="M245:M247"/>
    <mergeCell ref="C249:C251"/>
    <mergeCell ref="E249:E251"/>
    <mergeCell ref="M249:M251"/>
    <mergeCell ref="C237:C239"/>
    <mergeCell ref="E237:E239"/>
    <mergeCell ref="M237:M239"/>
    <mergeCell ref="C241:C243"/>
    <mergeCell ref="E241:E243"/>
    <mergeCell ref="M241:M243"/>
    <mergeCell ref="C261:C263"/>
    <mergeCell ref="E261:E263"/>
    <mergeCell ref="M261:M263"/>
    <mergeCell ref="C265:C267"/>
    <mergeCell ref="E265:E267"/>
    <mergeCell ref="M265:M267"/>
    <mergeCell ref="C253:C255"/>
    <mergeCell ref="E253:E255"/>
    <mergeCell ref="M253:M255"/>
    <mergeCell ref="C257:C259"/>
    <mergeCell ref="E257:E259"/>
    <mergeCell ref="M257:M259"/>
    <mergeCell ref="C277:C279"/>
    <mergeCell ref="E277:E279"/>
    <mergeCell ref="M277:M279"/>
    <mergeCell ref="C281:C283"/>
    <mergeCell ref="E281:E283"/>
    <mergeCell ref="M281:M283"/>
    <mergeCell ref="C269:C271"/>
    <mergeCell ref="E269:E271"/>
    <mergeCell ref="M269:M271"/>
    <mergeCell ref="C273:C275"/>
    <mergeCell ref="E273:E275"/>
    <mergeCell ref="M273:M275"/>
    <mergeCell ref="C293:C295"/>
    <mergeCell ref="E293:E295"/>
    <mergeCell ref="M293:M295"/>
    <mergeCell ref="C297:C299"/>
    <mergeCell ref="E297:E299"/>
    <mergeCell ref="M297:M299"/>
    <mergeCell ref="C285:C287"/>
    <mergeCell ref="E285:E287"/>
    <mergeCell ref="M285:M287"/>
    <mergeCell ref="C289:C291"/>
    <mergeCell ref="E289:E291"/>
    <mergeCell ref="M289:M291"/>
    <mergeCell ref="C309:C311"/>
    <mergeCell ref="E309:E311"/>
    <mergeCell ref="M309:M311"/>
    <mergeCell ref="C313:C315"/>
    <mergeCell ref="E313:E315"/>
    <mergeCell ref="M313:M315"/>
    <mergeCell ref="C301:C303"/>
    <mergeCell ref="E301:E303"/>
    <mergeCell ref="M301:M303"/>
    <mergeCell ref="C305:C307"/>
    <mergeCell ref="E305:E307"/>
    <mergeCell ref="M305:M307"/>
    <mergeCell ref="C325:C327"/>
    <mergeCell ref="E325:E327"/>
    <mergeCell ref="M325:M327"/>
    <mergeCell ref="C329:C331"/>
    <mergeCell ref="E329:E331"/>
    <mergeCell ref="M329:M331"/>
    <mergeCell ref="C317:C319"/>
    <mergeCell ref="E317:E319"/>
    <mergeCell ref="M317:M319"/>
    <mergeCell ref="C321:C323"/>
    <mergeCell ref="E321:E323"/>
    <mergeCell ref="M321:M323"/>
    <mergeCell ref="C341:C343"/>
    <mergeCell ref="E341:E343"/>
    <mergeCell ref="M341:M343"/>
    <mergeCell ref="C345:C347"/>
    <mergeCell ref="E345:E347"/>
    <mergeCell ref="M345:M347"/>
    <mergeCell ref="C333:C335"/>
    <mergeCell ref="E333:E335"/>
    <mergeCell ref="M333:M335"/>
    <mergeCell ref="C337:C339"/>
    <mergeCell ref="E337:E339"/>
    <mergeCell ref="M337:M339"/>
    <mergeCell ref="C357:C359"/>
    <mergeCell ref="E357:E359"/>
    <mergeCell ref="M357:M359"/>
    <mergeCell ref="C361:C363"/>
    <mergeCell ref="E361:E363"/>
    <mergeCell ref="M361:M363"/>
    <mergeCell ref="C349:C351"/>
    <mergeCell ref="E349:E351"/>
    <mergeCell ref="M349:M351"/>
    <mergeCell ref="C353:C355"/>
    <mergeCell ref="E353:E355"/>
    <mergeCell ref="M353:M355"/>
    <mergeCell ref="C373:C375"/>
    <mergeCell ref="E373:E375"/>
    <mergeCell ref="M373:M375"/>
    <mergeCell ref="C377:C379"/>
    <mergeCell ref="E377:E379"/>
    <mergeCell ref="M377:M379"/>
    <mergeCell ref="C365:C367"/>
    <mergeCell ref="E365:E367"/>
    <mergeCell ref="M365:M367"/>
    <mergeCell ref="C369:C371"/>
    <mergeCell ref="E369:E371"/>
    <mergeCell ref="M369:M371"/>
    <mergeCell ref="C389:C391"/>
    <mergeCell ref="E389:E391"/>
    <mergeCell ref="M389:M391"/>
    <mergeCell ref="C393:C395"/>
    <mergeCell ref="E393:E395"/>
    <mergeCell ref="M393:M395"/>
    <mergeCell ref="C381:C383"/>
    <mergeCell ref="E381:E383"/>
    <mergeCell ref="M381:M383"/>
    <mergeCell ref="C385:C387"/>
    <mergeCell ref="E385:E387"/>
    <mergeCell ref="M385:M387"/>
    <mergeCell ref="C405:C407"/>
    <mergeCell ref="E405:E407"/>
    <mergeCell ref="M405:M407"/>
    <mergeCell ref="C397:C399"/>
    <mergeCell ref="E397:E399"/>
    <mergeCell ref="M397:M399"/>
    <mergeCell ref="C401:C403"/>
    <mergeCell ref="E401:E403"/>
    <mergeCell ref="M401:M403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58C033-8466-4B20-B272-E7839BB2927B}">
  <dimension ref="C2:O203"/>
  <sheetViews>
    <sheetView workbookViewId="0">
      <selection activeCell="Q93" sqref="Q93"/>
    </sheetView>
  </sheetViews>
  <sheetFormatPr defaultRowHeight="15" x14ac:dyDescent="0.25"/>
  <cols>
    <col min="1" max="1" width="9.140625" style="1"/>
    <col min="2" max="2" width="12.7109375" style="1" customWidth="1"/>
    <col min="3" max="3" width="7.28515625" style="1" customWidth="1"/>
    <col min="4" max="4" width="1.42578125" style="1" customWidth="1"/>
    <col min="5" max="5" width="30.85546875" style="1" customWidth="1"/>
    <col min="6" max="6" width="1.7109375" style="1" customWidth="1"/>
    <col min="7" max="7" width="33.42578125" style="1" customWidth="1"/>
    <col min="8" max="8" width="2.140625" style="1" customWidth="1"/>
    <col min="9" max="9" width="27.85546875" style="1" customWidth="1"/>
    <col min="10" max="10" width="2" style="5" customWidth="1"/>
    <col min="11" max="11" width="29.42578125" style="1" customWidth="1"/>
    <col min="12" max="12" width="2.28515625" style="5" customWidth="1"/>
    <col min="13" max="13" width="36" style="1" customWidth="1"/>
    <col min="14" max="14" width="2.42578125" style="5" customWidth="1"/>
    <col min="15" max="15" width="37.140625" style="1" customWidth="1"/>
    <col min="16" max="16384" width="9.140625" style="1"/>
  </cols>
  <sheetData>
    <row r="2" spans="3:15" ht="22.5" customHeight="1" x14ac:dyDescent="0.25"/>
    <row r="3" spans="3:15" ht="27.75" customHeight="1" x14ac:dyDescent="0.25">
      <c r="C3" s="3" t="s">
        <v>5</v>
      </c>
      <c r="E3" s="3" t="s">
        <v>41</v>
      </c>
      <c r="F3" s="4"/>
      <c r="G3" s="3" t="s">
        <v>42</v>
      </c>
      <c r="H3" s="4"/>
      <c r="I3" s="3" t="s">
        <v>43</v>
      </c>
      <c r="J3" s="6"/>
      <c r="K3" s="3" t="s">
        <v>44</v>
      </c>
      <c r="L3" s="6"/>
      <c r="M3" s="3" t="s">
        <v>45</v>
      </c>
      <c r="N3" s="6"/>
      <c r="O3" s="3" t="s">
        <v>46</v>
      </c>
    </row>
    <row r="4" spans="3:15" ht="16.5" customHeight="1" thickBot="1" x14ac:dyDescent="0.3"/>
    <row r="5" spans="3:15" ht="26.25" customHeight="1" thickBot="1" x14ac:dyDescent="0.3">
      <c r="C5" s="7">
        <v>1</v>
      </c>
      <c r="E5" s="9" t="s">
        <v>41</v>
      </c>
      <c r="F5" s="8"/>
      <c r="G5" s="9" t="s">
        <v>42</v>
      </c>
      <c r="H5" s="8"/>
      <c r="I5" s="9" t="s">
        <v>43</v>
      </c>
      <c r="J5" s="8"/>
      <c r="K5" s="9" t="s">
        <v>44</v>
      </c>
      <c r="L5" s="8"/>
      <c r="M5" s="9" t="s">
        <v>45</v>
      </c>
      <c r="N5" s="8"/>
      <c r="O5" s="9" t="s">
        <v>46</v>
      </c>
    </row>
    <row r="6" spans="3:15" ht="13.5" customHeight="1" thickBot="1" x14ac:dyDescent="0.3"/>
    <row r="7" spans="3:15" ht="26.25" customHeight="1" thickBot="1" x14ac:dyDescent="0.3">
      <c r="C7" s="7">
        <v>2</v>
      </c>
      <c r="E7" s="9" t="s">
        <v>41</v>
      </c>
      <c r="F7" s="8"/>
      <c r="G7" s="9" t="s">
        <v>42</v>
      </c>
      <c r="H7" s="8"/>
      <c r="I7" s="9" t="s">
        <v>43</v>
      </c>
      <c r="J7" s="8"/>
      <c r="K7" s="9" t="s">
        <v>44</v>
      </c>
      <c r="L7" s="8"/>
      <c r="M7" s="9" t="s">
        <v>45</v>
      </c>
      <c r="N7" s="8"/>
      <c r="O7" s="9" t="s">
        <v>46</v>
      </c>
    </row>
    <row r="8" spans="3:15" ht="13.5" customHeight="1" thickBot="1" x14ac:dyDescent="0.3"/>
    <row r="9" spans="3:15" ht="26.25" customHeight="1" thickBot="1" x14ac:dyDescent="0.3">
      <c r="C9" s="7">
        <v>3</v>
      </c>
      <c r="E9" s="9" t="s">
        <v>41</v>
      </c>
      <c r="F9" s="8"/>
      <c r="G9" s="9" t="s">
        <v>42</v>
      </c>
      <c r="H9" s="8"/>
      <c r="I9" s="9" t="s">
        <v>43</v>
      </c>
      <c r="J9" s="8"/>
      <c r="K9" s="9" t="s">
        <v>44</v>
      </c>
      <c r="L9" s="8"/>
      <c r="M9" s="9" t="s">
        <v>45</v>
      </c>
      <c r="N9" s="8"/>
      <c r="O9" s="9" t="s">
        <v>46</v>
      </c>
    </row>
    <row r="10" spans="3:15" ht="13.5" customHeight="1" thickBot="1" x14ac:dyDescent="0.3"/>
    <row r="11" spans="3:15" ht="19.5" thickBot="1" x14ac:dyDescent="0.3">
      <c r="C11" s="7">
        <v>4</v>
      </c>
      <c r="E11" s="9" t="s">
        <v>41</v>
      </c>
      <c r="F11" s="8"/>
      <c r="G11" s="9" t="s">
        <v>42</v>
      </c>
      <c r="H11" s="8"/>
      <c r="I11" s="9" t="s">
        <v>43</v>
      </c>
      <c r="J11" s="8"/>
      <c r="K11" s="9" t="s">
        <v>44</v>
      </c>
      <c r="L11" s="8"/>
      <c r="M11" s="9" t="s">
        <v>45</v>
      </c>
      <c r="N11" s="8"/>
      <c r="O11" s="9" t="s">
        <v>46</v>
      </c>
    </row>
    <row r="12" spans="3:15" ht="15.75" thickBot="1" x14ac:dyDescent="0.3"/>
    <row r="13" spans="3:15" ht="19.5" thickBot="1" x14ac:dyDescent="0.3">
      <c r="C13" s="7">
        <v>5</v>
      </c>
      <c r="E13" s="9" t="s">
        <v>41</v>
      </c>
      <c r="F13" s="8"/>
      <c r="G13" s="9" t="s">
        <v>42</v>
      </c>
      <c r="H13" s="8"/>
      <c r="I13" s="9" t="s">
        <v>43</v>
      </c>
      <c r="J13" s="8"/>
      <c r="K13" s="9" t="s">
        <v>44</v>
      </c>
      <c r="L13" s="8"/>
      <c r="M13" s="9" t="s">
        <v>45</v>
      </c>
      <c r="N13" s="8"/>
      <c r="O13" s="9" t="s">
        <v>46</v>
      </c>
    </row>
    <row r="14" spans="3:15" ht="15.75" thickBot="1" x14ac:dyDescent="0.3"/>
    <row r="15" spans="3:15" ht="19.5" thickBot="1" x14ac:dyDescent="0.3">
      <c r="C15" s="7">
        <v>6</v>
      </c>
      <c r="E15" s="9" t="s">
        <v>41</v>
      </c>
      <c r="F15" s="8"/>
      <c r="G15" s="9" t="s">
        <v>42</v>
      </c>
      <c r="H15" s="8"/>
      <c r="I15" s="9" t="s">
        <v>43</v>
      </c>
      <c r="J15" s="8"/>
      <c r="K15" s="9" t="s">
        <v>44</v>
      </c>
      <c r="L15" s="8"/>
      <c r="M15" s="9" t="s">
        <v>45</v>
      </c>
      <c r="N15" s="8"/>
      <c r="O15" s="9" t="s">
        <v>46</v>
      </c>
    </row>
    <row r="16" spans="3:15" ht="15.75" thickBot="1" x14ac:dyDescent="0.3"/>
    <row r="17" spans="3:15" ht="19.5" thickBot="1" x14ac:dyDescent="0.3">
      <c r="C17" s="7">
        <v>7</v>
      </c>
      <c r="E17" s="9" t="s">
        <v>41</v>
      </c>
      <c r="F17" s="8"/>
      <c r="G17" s="9" t="s">
        <v>42</v>
      </c>
      <c r="H17" s="8"/>
      <c r="I17" s="9" t="s">
        <v>43</v>
      </c>
      <c r="J17" s="8"/>
      <c r="K17" s="9" t="s">
        <v>44</v>
      </c>
      <c r="L17" s="8"/>
      <c r="M17" s="9" t="s">
        <v>45</v>
      </c>
      <c r="N17" s="8"/>
      <c r="O17" s="9" t="s">
        <v>46</v>
      </c>
    </row>
    <row r="18" spans="3:15" ht="15.75" thickBot="1" x14ac:dyDescent="0.3"/>
    <row r="19" spans="3:15" ht="19.5" thickBot="1" x14ac:dyDescent="0.3">
      <c r="C19" s="7">
        <v>8</v>
      </c>
      <c r="E19" s="9" t="s">
        <v>41</v>
      </c>
      <c r="F19" s="8"/>
      <c r="G19" s="9" t="s">
        <v>42</v>
      </c>
      <c r="H19" s="8"/>
      <c r="I19" s="9" t="s">
        <v>43</v>
      </c>
      <c r="J19" s="8"/>
      <c r="K19" s="9" t="s">
        <v>44</v>
      </c>
      <c r="L19" s="8"/>
      <c r="M19" s="9" t="s">
        <v>45</v>
      </c>
      <c r="N19" s="8"/>
      <c r="O19" s="9" t="s">
        <v>46</v>
      </c>
    </row>
    <row r="20" spans="3:15" ht="15.75" thickBot="1" x14ac:dyDescent="0.3"/>
    <row r="21" spans="3:15" ht="19.5" thickBot="1" x14ac:dyDescent="0.3">
      <c r="C21" s="7">
        <v>9</v>
      </c>
      <c r="E21" s="9" t="s">
        <v>41</v>
      </c>
      <c r="F21" s="8"/>
      <c r="G21" s="9" t="s">
        <v>42</v>
      </c>
      <c r="H21" s="8"/>
      <c r="I21" s="9" t="s">
        <v>43</v>
      </c>
      <c r="J21" s="8"/>
      <c r="K21" s="9" t="s">
        <v>44</v>
      </c>
      <c r="L21" s="8"/>
      <c r="M21" s="9" t="s">
        <v>45</v>
      </c>
      <c r="N21" s="8"/>
      <c r="O21" s="9" t="s">
        <v>46</v>
      </c>
    </row>
    <row r="22" spans="3:15" ht="15.75" thickBot="1" x14ac:dyDescent="0.3"/>
    <row r="23" spans="3:15" ht="19.5" thickBot="1" x14ac:dyDescent="0.3">
      <c r="C23" s="7">
        <v>10</v>
      </c>
      <c r="E23" s="9" t="s">
        <v>41</v>
      </c>
      <c r="F23" s="8"/>
      <c r="G23" s="9" t="s">
        <v>42</v>
      </c>
      <c r="H23" s="8"/>
      <c r="I23" s="9" t="s">
        <v>43</v>
      </c>
      <c r="J23" s="8"/>
      <c r="K23" s="9" t="s">
        <v>44</v>
      </c>
      <c r="L23" s="8"/>
      <c r="M23" s="9" t="s">
        <v>45</v>
      </c>
      <c r="N23" s="8"/>
      <c r="O23" s="9" t="s">
        <v>46</v>
      </c>
    </row>
    <row r="24" spans="3:15" ht="15.75" thickBot="1" x14ac:dyDescent="0.3"/>
    <row r="25" spans="3:15" ht="19.5" thickBot="1" x14ac:dyDescent="0.3">
      <c r="C25" s="7">
        <v>11</v>
      </c>
      <c r="E25" s="9" t="s">
        <v>41</v>
      </c>
      <c r="F25" s="8"/>
      <c r="G25" s="9" t="s">
        <v>42</v>
      </c>
      <c r="H25" s="8"/>
      <c r="I25" s="9" t="s">
        <v>43</v>
      </c>
      <c r="J25" s="8"/>
      <c r="K25" s="9" t="s">
        <v>44</v>
      </c>
      <c r="L25" s="8"/>
      <c r="M25" s="9" t="s">
        <v>45</v>
      </c>
      <c r="N25" s="8"/>
      <c r="O25" s="9" t="s">
        <v>46</v>
      </c>
    </row>
    <row r="26" spans="3:15" ht="15.75" thickBot="1" x14ac:dyDescent="0.3"/>
    <row r="27" spans="3:15" ht="19.5" thickBot="1" x14ac:dyDescent="0.3">
      <c r="C27" s="7">
        <v>12</v>
      </c>
      <c r="E27" s="9" t="s">
        <v>41</v>
      </c>
      <c r="F27" s="8"/>
      <c r="G27" s="9" t="s">
        <v>42</v>
      </c>
      <c r="H27" s="8"/>
      <c r="I27" s="9" t="s">
        <v>43</v>
      </c>
      <c r="J27" s="8"/>
      <c r="K27" s="9" t="s">
        <v>44</v>
      </c>
      <c r="L27" s="8"/>
      <c r="M27" s="9" t="s">
        <v>45</v>
      </c>
      <c r="N27" s="8"/>
      <c r="O27" s="9" t="s">
        <v>46</v>
      </c>
    </row>
    <row r="28" spans="3:15" ht="15.75" thickBot="1" x14ac:dyDescent="0.3"/>
    <row r="29" spans="3:15" ht="19.5" thickBot="1" x14ac:dyDescent="0.3">
      <c r="C29" s="7">
        <v>13</v>
      </c>
      <c r="E29" s="9" t="s">
        <v>41</v>
      </c>
      <c r="F29" s="8"/>
      <c r="G29" s="9" t="s">
        <v>42</v>
      </c>
      <c r="H29" s="8"/>
      <c r="I29" s="9" t="s">
        <v>43</v>
      </c>
      <c r="J29" s="8"/>
      <c r="K29" s="9" t="s">
        <v>44</v>
      </c>
      <c r="L29" s="8"/>
      <c r="M29" s="9" t="s">
        <v>45</v>
      </c>
      <c r="N29" s="8"/>
      <c r="O29" s="9" t="s">
        <v>46</v>
      </c>
    </row>
    <row r="30" spans="3:15" ht="15.75" thickBot="1" x14ac:dyDescent="0.3"/>
    <row r="31" spans="3:15" ht="19.5" thickBot="1" x14ac:dyDescent="0.3">
      <c r="C31" s="7">
        <v>14</v>
      </c>
      <c r="E31" s="9" t="s">
        <v>41</v>
      </c>
      <c r="F31" s="8"/>
      <c r="G31" s="9" t="s">
        <v>42</v>
      </c>
      <c r="H31" s="8"/>
      <c r="I31" s="9" t="s">
        <v>43</v>
      </c>
      <c r="J31" s="8"/>
      <c r="K31" s="9" t="s">
        <v>44</v>
      </c>
      <c r="L31" s="8"/>
      <c r="M31" s="9" t="s">
        <v>45</v>
      </c>
      <c r="N31" s="8"/>
      <c r="O31" s="9" t="s">
        <v>46</v>
      </c>
    </row>
    <row r="32" spans="3:15" ht="15.75" thickBot="1" x14ac:dyDescent="0.3"/>
    <row r="33" spans="3:15" ht="19.5" thickBot="1" x14ac:dyDescent="0.3">
      <c r="C33" s="7">
        <v>15</v>
      </c>
      <c r="E33" s="9" t="s">
        <v>41</v>
      </c>
      <c r="F33" s="8"/>
      <c r="G33" s="9" t="s">
        <v>42</v>
      </c>
      <c r="H33" s="8"/>
      <c r="I33" s="9" t="s">
        <v>43</v>
      </c>
      <c r="J33" s="8"/>
      <c r="K33" s="9" t="s">
        <v>44</v>
      </c>
      <c r="L33" s="8"/>
      <c r="M33" s="9" t="s">
        <v>45</v>
      </c>
      <c r="N33" s="8"/>
      <c r="O33" s="9" t="s">
        <v>46</v>
      </c>
    </row>
    <row r="34" spans="3:15" ht="15.75" thickBot="1" x14ac:dyDescent="0.3"/>
    <row r="35" spans="3:15" ht="19.5" thickBot="1" x14ac:dyDescent="0.3">
      <c r="C35" s="7">
        <v>16</v>
      </c>
      <c r="E35" s="9" t="s">
        <v>41</v>
      </c>
      <c r="F35" s="8"/>
      <c r="G35" s="9" t="s">
        <v>42</v>
      </c>
      <c r="H35" s="8"/>
      <c r="I35" s="9" t="s">
        <v>43</v>
      </c>
      <c r="J35" s="8"/>
      <c r="K35" s="9" t="s">
        <v>44</v>
      </c>
      <c r="L35" s="8"/>
      <c r="M35" s="9" t="s">
        <v>45</v>
      </c>
      <c r="N35" s="8"/>
      <c r="O35" s="9" t="s">
        <v>46</v>
      </c>
    </row>
    <row r="36" spans="3:15" ht="15.75" thickBot="1" x14ac:dyDescent="0.3"/>
    <row r="37" spans="3:15" ht="19.5" thickBot="1" x14ac:dyDescent="0.3">
      <c r="C37" s="7">
        <v>17</v>
      </c>
      <c r="E37" s="9" t="s">
        <v>41</v>
      </c>
      <c r="F37" s="8"/>
      <c r="G37" s="9" t="s">
        <v>42</v>
      </c>
      <c r="H37" s="8"/>
      <c r="I37" s="9" t="s">
        <v>43</v>
      </c>
      <c r="J37" s="8"/>
      <c r="K37" s="9" t="s">
        <v>44</v>
      </c>
      <c r="L37" s="8"/>
      <c r="M37" s="9" t="s">
        <v>45</v>
      </c>
      <c r="N37" s="8"/>
      <c r="O37" s="9" t="s">
        <v>46</v>
      </c>
    </row>
    <row r="38" spans="3:15" ht="15.75" thickBot="1" x14ac:dyDescent="0.3"/>
    <row r="39" spans="3:15" ht="19.5" thickBot="1" x14ac:dyDescent="0.3">
      <c r="C39" s="7">
        <v>18</v>
      </c>
      <c r="E39" s="9" t="s">
        <v>41</v>
      </c>
      <c r="F39" s="8"/>
      <c r="G39" s="9" t="s">
        <v>42</v>
      </c>
      <c r="H39" s="8"/>
      <c r="I39" s="9" t="s">
        <v>43</v>
      </c>
      <c r="J39" s="8"/>
      <c r="K39" s="9" t="s">
        <v>44</v>
      </c>
      <c r="L39" s="8"/>
      <c r="M39" s="9" t="s">
        <v>45</v>
      </c>
      <c r="N39" s="8"/>
      <c r="O39" s="9" t="s">
        <v>46</v>
      </c>
    </row>
    <row r="40" spans="3:15" ht="15.75" thickBot="1" x14ac:dyDescent="0.3"/>
    <row r="41" spans="3:15" ht="19.5" thickBot="1" x14ac:dyDescent="0.3">
      <c r="C41" s="7">
        <v>19</v>
      </c>
      <c r="E41" s="9" t="s">
        <v>41</v>
      </c>
      <c r="F41" s="8"/>
      <c r="G41" s="9" t="s">
        <v>42</v>
      </c>
      <c r="H41" s="8"/>
      <c r="I41" s="9" t="s">
        <v>43</v>
      </c>
      <c r="J41" s="8"/>
      <c r="K41" s="9" t="s">
        <v>44</v>
      </c>
      <c r="L41" s="8"/>
      <c r="M41" s="9" t="s">
        <v>45</v>
      </c>
      <c r="N41" s="8"/>
      <c r="O41" s="9" t="s">
        <v>46</v>
      </c>
    </row>
    <row r="42" spans="3:15" ht="15.75" thickBot="1" x14ac:dyDescent="0.3"/>
    <row r="43" spans="3:15" ht="19.5" thickBot="1" x14ac:dyDescent="0.3">
      <c r="C43" s="7">
        <v>20</v>
      </c>
      <c r="E43" s="9" t="s">
        <v>41</v>
      </c>
      <c r="F43" s="8"/>
      <c r="G43" s="9" t="s">
        <v>42</v>
      </c>
      <c r="H43" s="8"/>
      <c r="I43" s="9" t="s">
        <v>43</v>
      </c>
      <c r="J43" s="8"/>
      <c r="K43" s="9" t="s">
        <v>44</v>
      </c>
      <c r="L43" s="8"/>
      <c r="M43" s="9" t="s">
        <v>45</v>
      </c>
      <c r="N43" s="8"/>
      <c r="O43" s="9" t="s">
        <v>46</v>
      </c>
    </row>
    <row r="44" spans="3:15" ht="15.75" thickBot="1" x14ac:dyDescent="0.3"/>
    <row r="45" spans="3:15" ht="19.5" thickBot="1" x14ac:dyDescent="0.3">
      <c r="C45" s="7">
        <v>21</v>
      </c>
      <c r="E45" s="9" t="s">
        <v>41</v>
      </c>
      <c r="F45" s="8"/>
      <c r="G45" s="9" t="s">
        <v>42</v>
      </c>
      <c r="H45" s="8"/>
      <c r="I45" s="9" t="s">
        <v>43</v>
      </c>
      <c r="J45" s="8"/>
      <c r="K45" s="9" t="s">
        <v>44</v>
      </c>
      <c r="L45" s="8"/>
      <c r="M45" s="9" t="s">
        <v>45</v>
      </c>
      <c r="N45" s="8"/>
      <c r="O45" s="9" t="s">
        <v>46</v>
      </c>
    </row>
    <row r="46" spans="3:15" ht="15.75" thickBot="1" x14ac:dyDescent="0.3"/>
    <row r="47" spans="3:15" ht="19.5" thickBot="1" x14ac:dyDescent="0.3">
      <c r="C47" s="7">
        <v>22</v>
      </c>
      <c r="E47" s="9" t="s">
        <v>41</v>
      </c>
      <c r="F47" s="8"/>
      <c r="G47" s="9" t="s">
        <v>42</v>
      </c>
      <c r="H47" s="8"/>
      <c r="I47" s="9" t="s">
        <v>43</v>
      </c>
      <c r="J47" s="8"/>
      <c r="K47" s="9" t="s">
        <v>44</v>
      </c>
      <c r="L47" s="8"/>
      <c r="M47" s="9" t="s">
        <v>45</v>
      </c>
      <c r="N47" s="8"/>
      <c r="O47" s="9" t="s">
        <v>46</v>
      </c>
    </row>
    <row r="48" spans="3:15" ht="15.75" thickBot="1" x14ac:dyDescent="0.3"/>
    <row r="49" spans="3:15" ht="19.5" thickBot="1" x14ac:dyDescent="0.3">
      <c r="C49" s="7">
        <v>23</v>
      </c>
      <c r="E49" s="9" t="s">
        <v>41</v>
      </c>
      <c r="F49" s="8"/>
      <c r="G49" s="9" t="s">
        <v>42</v>
      </c>
      <c r="H49" s="8"/>
      <c r="I49" s="9" t="s">
        <v>43</v>
      </c>
      <c r="J49" s="8"/>
      <c r="K49" s="9" t="s">
        <v>44</v>
      </c>
      <c r="L49" s="8"/>
      <c r="M49" s="9" t="s">
        <v>45</v>
      </c>
      <c r="N49" s="8"/>
      <c r="O49" s="9" t="s">
        <v>46</v>
      </c>
    </row>
    <row r="50" spans="3:15" ht="15.75" thickBot="1" x14ac:dyDescent="0.3"/>
    <row r="51" spans="3:15" ht="19.5" thickBot="1" x14ac:dyDescent="0.3">
      <c r="C51" s="7">
        <v>24</v>
      </c>
      <c r="E51" s="9" t="s">
        <v>41</v>
      </c>
      <c r="F51" s="8"/>
      <c r="G51" s="9" t="s">
        <v>42</v>
      </c>
      <c r="H51" s="8"/>
      <c r="I51" s="9" t="s">
        <v>43</v>
      </c>
      <c r="J51" s="8"/>
      <c r="K51" s="9" t="s">
        <v>44</v>
      </c>
      <c r="L51" s="8"/>
      <c r="M51" s="9" t="s">
        <v>45</v>
      </c>
      <c r="N51" s="8"/>
      <c r="O51" s="9" t="s">
        <v>46</v>
      </c>
    </row>
    <row r="52" spans="3:15" ht="15.75" thickBot="1" x14ac:dyDescent="0.3"/>
    <row r="53" spans="3:15" ht="19.5" thickBot="1" x14ac:dyDescent="0.3">
      <c r="C53" s="7">
        <v>25</v>
      </c>
      <c r="E53" s="9" t="s">
        <v>41</v>
      </c>
      <c r="F53" s="8"/>
      <c r="G53" s="9" t="s">
        <v>42</v>
      </c>
      <c r="H53" s="8"/>
      <c r="I53" s="9" t="s">
        <v>43</v>
      </c>
      <c r="J53" s="8"/>
      <c r="K53" s="9" t="s">
        <v>44</v>
      </c>
      <c r="L53" s="8"/>
      <c r="M53" s="9" t="s">
        <v>45</v>
      </c>
      <c r="N53" s="8"/>
      <c r="O53" s="9" t="s">
        <v>46</v>
      </c>
    </row>
    <row r="54" spans="3:15" ht="15.75" thickBot="1" x14ac:dyDescent="0.3"/>
    <row r="55" spans="3:15" ht="19.5" thickBot="1" x14ac:dyDescent="0.3">
      <c r="C55" s="7">
        <v>26</v>
      </c>
      <c r="E55" s="9" t="s">
        <v>41</v>
      </c>
      <c r="F55" s="8"/>
      <c r="G55" s="9" t="s">
        <v>42</v>
      </c>
      <c r="H55" s="8"/>
      <c r="I55" s="9" t="s">
        <v>43</v>
      </c>
      <c r="J55" s="8"/>
      <c r="K55" s="9" t="s">
        <v>44</v>
      </c>
      <c r="L55" s="8"/>
      <c r="M55" s="9" t="s">
        <v>45</v>
      </c>
      <c r="N55" s="8"/>
      <c r="O55" s="9" t="s">
        <v>46</v>
      </c>
    </row>
    <row r="56" spans="3:15" ht="15.75" thickBot="1" x14ac:dyDescent="0.3"/>
    <row r="57" spans="3:15" ht="19.5" thickBot="1" x14ac:dyDescent="0.3">
      <c r="C57" s="7">
        <v>27</v>
      </c>
      <c r="E57" s="9" t="s">
        <v>41</v>
      </c>
      <c r="F57" s="8"/>
      <c r="G57" s="9" t="s">
        <v>42</v>
      </c>
      <c r="H57" s="8"/>
      <c r="I57" s="9" t="s">
        <v>43</v>
      </c>
      <c r="J57" s="8"/>
      <c r="K57" s="9" t="s">
        <v>44</v>
      </c>
      <c r="L57" s="8"/>
      <c r="M57" s="9" t="s">
        <v>45</v>
      </c>
      <c r="N57" s="8"/>
      <c r="O57" s="9" t="s">
        <v>46</v>
      </c>
    </row>
    <row r="58" spans="3:15" ht="15.75" thickBot="1" x14ac:dyDescent="0.3"/>
    <row r="59" spans="3:15" ht="19.5" thickBot="1" x14ac:dyDescent="0.3">
      <c r="C59" s="7">
        <v>28</v>
      </c>
      <c r="E59" s="9" t="s">
        <v>41</v>
      </c>
      <c r="F59" s="8"/>
      <c r="G59" s="9" t="s">
        <v>42</v>
      </c>
      <c r="H59" s="8"/>
      <c r="I59" s="9" t="s">
        <v>43</v>
      </c>
      <c r="J59" s="8"/>
      <c r="K59" s="9" t="s">
        <v>44</v>
      </c>
      <c r="L59" s="8"/>
      <c r="M59" s="9" t="s">
        <v>45</v>
      </c>
      <c r="N59" s="8"/>
      <c r="O59" s="9" t="s">
        <v>46</v>
      </c>
    </row>
    <row r="60" spans="3:15" ht="15.75" thickBot="1" x14ac:dyDescent="0.3"/>
    <row r="61" spans="3:15" ht="19.5" thickBot="1" x14ac:dyDescent="0.3">
      <c r="C61" s="7">
        <v>29</v>
      </c>
      <c r="E61" s="9" t="s">
        <v>41</v>
      </c>
      <c r="F61" s="8"/>
      <c r="G61" s="9" t="s">
        <v>42</v>
      </c>
      <c r="H61" s="8"/>
      <c r="I61" s="9" t="s">
        <v>43</v>
      </c>
      <c r="J61" s="8"/>
      <c r="K61" s="9" t="s">
        <v>44</v>
      </c>
      <c r="L61" s="8"/>
      <c r="M61" s="9" t="s">
        <v>45</v>
      </c>
      <c r="N61" s="8"/>
      <c r="O61" s="9" t="s">
        <v>46</v>
      </c>
    </row>
    <row r="62" spans="3:15" ht="15.75" thickBot="1" x14ac:dyDescent="0.3"/>
    <row r="63" spans="3:15" ht="19.5" thickBot="1" x14ac:dyDescent="0.3">
      <c r="C63" s="7">
        <v>30</v>
      </c>
      <c r="E63" s="9" t="s">
        <v>41</v>
      </c>
      <c r="F63" s="8"/>
      <c r="G63" s="9" t="s">
        <v>42</v>
      </c>
      <c r="H63" s="8"/>
      <c r="I63" s="9" t="s">
        <v>43</v>
      </c>
      <c r="J63" s="8"/>
      <c r="K63" s="9" t="s">
        <v>44</v>
      </c>
      <c r="L63" s="8"/>
      <c r="M63" s="9" t="s">
        <v>45</v>
      </c>
      <c r="N63" s="8"/>
      <c r="O63" s="9" t="s">
        <v>46</v>
      </c>
    </row>
    <row r="64" spans="3:15" ht="15.75" thickBot="1" x14ac:dyDescent="0.3"/>
    <row r="65" spans="3:15" ht="19.5" thickBot="1" x14ac:dyDescent="0.3">
      <c r="C65" s="7">
        <v>31</v>
      </c>
      <c r="E65" s="9" t="s">
        <v>41</v>
      </c>
      <c r="F65" s="8"/>
      <c r="G65" s="9" t="s">
        <v>42</v>
      </c>
      <c r="H65" s="8"/>
      <c r="I65" s="9" t="s">
        <v>43</v>
      </c>
      <c r="J65" s="8"/>
      <c r="K65" s="9" t="s">
        <v>44</v>
      </c>
      <c r="L65" s="8"/>
      <c r="M65" s="9" t="s">
        <v>45</v>
      </c>
      <c r="N65" s="8"/>
      <c r="O65" s="9" t="s">
        <v>46</v>
      </c>
    </row>
    <row r="66" spans="3:15" ht="15.75" thickBot="1" x14ac:dyDescent="0.3"/>
    <row r="67" spans="3:15" ht="19.5" thickBot="1" x14ac:dyDescent="0.3">
      <c r="C67" s="7">
        <v>32</v>
      </c>
      <c r="E67" s="9" t="s">
        <v>41</v>
      </c>
      <c r="F67" s="8"/>
      <c r="G67" s="9" t="s">
        <v>42</v>
      </c>
      <c r="H67" s="8"/>
      <c r="I67" s="9" t="s">
        <v>43</v>
      </c>
      <c r="J67" s="8"/>
      <c r="K67" s="9" t="s">
        <v>44</v>
      </c>
      <c r="L67" s="8"/>
      <c r="M67" s="9" t="s">
        <v>45</v>
      </c>
      <c r="N67" s="8"/>
      <c r="O67" s="9" t="s">
        <v>46</v>
      </c>
    </row>
    <row r="68" spans="3:15" ht="15.75" thickBot="1" x14ac:dyDescent="0.3"/>
    <row r="69" spans="3:15" ht="19.5" thickBot="1" x14ac:dyDescent="0.3">
      <c r="C69" s="7">
        <v>33</v>
      </c>
      <c r="E69" s="9" t="s">
        <v>41</v>
      </c>
      <c r="F69" s="8"/>
      <c r="G69" s="9" t="s">
        <v>42</v>
      </c>
      <c r="H69" s="8"/>
      <c r="I69" s="9" t="s">
        <v>43</v>
      </c>
      <c r="J69" s="8"/>
      <c r="K69" s="9" t="s">
        <v>44</v>
      </c>
      <c r="L69" s="8"/>
      <c r="M69" s="9" t="s">
        <v>45</v>
      </c>
      <c r="N69" s="8"/>
      <c r="O69" s="9" t="s">
        <v>46</v>
      </c>
    </row>
    <row r="70" spans="3:15" ht="15.75" thickBot="1" x14ac:dyDescent="0.3"/>
    <row r="71" spans="3:15" ht="19.5" thickBot="1" x14ac:dyDescent="0.3">
      <c r="C71" s="7">
        <v>34</v>
      </c>
      <c r="E71" s="9" t="s">
        <v>41</v>
      </c>
      <c r="F71" s="8"/>
      <c r="G71" s="9" t="s">
        <v>42</v>
      </c>
      <c r="H71" s="8"/>
      <c r="I71" s="9" t="s">
        <v>43</v>
      </c>
      <c r="J71" s="8"/>
      <c r="K71" s="9" t="s">
        <v>44</v>
      </c>
      <c r="L71" s="8"/>
      <c r="M71" s="9" t="s">
        <v>45</v>
      </c>
      <c r="N71" s="8"/>
      <c r="O71" s="9" t="s">
        <v>46</v>
      </c>
    </row>
    <row r="72" spans="3:15" ht="15.75" thickBot="1" x14ac:dyDescent="0.3"/>
    <row r="73" spans="3:15" ht="19.5" thickBot="1" x14ac:dyDescent="0.3">
      <c r="C73" s="7">
        <v>35</v>
      </c>
      <c r="E73" s="9" t="s">
        <v>41</v>
      </c>
      <c r="F73" s="8"/>
      <c r="G73" s="9" t="s">
        <v>42</v>
      </c>
      <c r="H73" s="8"/>
      <c r="I73" s="9" t="s">
        <v>43</v>
      </c>
      <c r="J73" s="8"/>
      <c r="K73" s="9" t="s">
        <v>44</v>
      </c>
      <c r="L73" s="8"/>
      <c r="M73" s="9" t="s">
        <v>45</v>
      </c>
      <c r="N73" s="8"/>
      <c r="O73" s="9" t="s">
        <v>46</v>
      </c>
    </row>
    <row r="74" spans="3:15" ht="15.75" thickBot="1" x14ac:dyDescent="0.3"/>
    <row r="75" spans="3:15" ht="19.5" thickBot="1" x14ac:dyDescent="0.3">
      <c r="C75" s="7">
        <v>36</v>
      </c>
      <c r="E75" s="9" t="s">
        <v>41</v>
      </c>
      <c r="F75" s="8"/>
      <c r="G75" s="9" t="s">
        <v>42</v>
      </c>
      <c r="H75" s="8"/>
      <c r="I75" s="9" t="s">
        <v>43</v>
      </c>
      <c r="J75" s="8"/>
      <c r="K75" s="9" t="s">
        <v>44</v>
      </c>
      <c r="L75" s="8"/>
      <c r="M75" s="9" t="s">
        <v>45</v>
      </c>
      <c r="N75" s="8"/>
      <c r="O75" s="9" t="s">
        <v>46</v>
      </c>
    </row>
    <row r="76" spans="3:15" ht="15.75" thickBot="1" x14ac:dyDescent="0.3"/>
    <row r="77" spans="3:15" ht="19.5" thickBot="1" x14ac:dyDescent="0.3">
      <c r="C77" s="7">
        <v>37</v>
      </c>
      <c r="E77" s="9" t="s">
        <v>41</v>
      </c>
      <c r="F77" s="8"/>
      <c r="G77" s="9" t="s">
        <v>42</v>
      </c>
      <c r="H77" s="8"/>
      <c r="I77" s="9" t="s">
        <v>43</v>
      </c>
      <c r="J77" s="8"/>
      <c r="K77" s="9" t="s">
        <v>44</v>
      </c>
      <c r="L77" s="8"/>
      <c r="M77" s="9" t="s">
        <v>45</v>
      </c>
      <c r="N77" s="8"/>
      <c r="O77" s="9" t="s">
        <v>46</v>
      </c>
    </row>
    <row r="78" spans="3:15" ht="15.75" thickBot="1" x14ac:dyDescent="0.3"/>
    <row r="79" spans="3:15" ht="19.5" thickBot="1" x14ac:dyDescent="0.3">
      <c r="C79" s="7">
        <v>38</v>
      </c>
      <c r="E79" s="9" t="s">
        <v>41</v>
      </c>
      <c r="F79" s="8"/>
      <c r="G79" s="9" t="s">
        <v>42</v>
      </c>
      <c r="H79" s="8"/>
      <c r="I79" s="9" t="s">
        <v>43</v>
      </c>
      <c r="J79" s="8"/>
      <c r="K79" s="9" t="s">
        <v>44</v>
      </c>
      <c r="L79" s="8"/>
      <c r="M79" s="9" t="s">
        <v>45</v>
      </c>
      <c r="N79" s="8"/>
      <c r="O79" s="9" t="s">
        <v>46</v>
      </c>
    </row>
    <row r="80" spans="3:15" ht="15.75" thickBot="1" x14ac:dyDescent="0.3"/>
    <row r="81" spans="3:15" ht="19.5" thickBot="1" x14ac:dyDescent="0.3">
      <c r="C81" s="7">
        <v>39</v>
      </c>
      <c r="E81" s="9" t="s">
        <v>41</v>
      </c>
      <c r="F81" s="8"/>
      <c r="G81" s="9" t="s">
        <v>42</v>
      </c>
      <c r="H81" s="8"/>
      <c r="I81" s="9" t="s">
        <v>43</v>
      </c>
      <c r="J81" s="8"/>
      <c r="K81" s="9" t="s">
        <v>44</v>
      </c>
      <c r="L81" s="8"/>
      <c r="M81" s="9" t="s">
        <v>45</v>
      </c>
      <c r="N81" s="8"/>
      <c r="O81" s="9" t="s">
        <v>46</v>
      </c>
    </row>
    <row r="82" spans="3:15" ht="15.75" thickBot="1" x14ac:dyDescent="0.3"/>
    <row r="83" spans="3:15" ht="19.5" thickBot="1" x14ac:dyDescent="0.3">
      <c r="C83" s="7">
        <v>40</v>
      </c>
      <c r="E83" s="9" t="s">
        <v>41</v>
      </c>
      <c r="F83" s="8"/>
      <c r="G83" s="9" t="s">
        <v>42</v>
      </c>
      <c r="H83" s="8"/>
      <c r="I83" s="9" t="s">
        <v>43</v>
      </c>
      <c r="J83" s="8"/>
      <c r="K83" s="9" t="s">
        <v>44</v>
      </c>
      <c r="L83" s="8"/>
      <c r="M83" s="9" t="s">
        <v>45</v>
      </c>
      <c r="N83" s="8"/>
      <c r="O83" s="9" t="s">
        <v>46</v>
      </c>
    </row>
    <row r="84" spans="3:15" ht="15.75" thickBot="1" x14ac:dyDescent="0.3"/>
    <row r="85" spans="3:15" ht="19.5" thickBot="1" x14ac:dyDescent="0.3">
      <c r="C85" s="7">
        <v>41</v>
      </c>
      <c r="E85" s="9" t="s">
        <v>41</v>
      </c>
      <c r="F85" s="8"/>
      <c r="G85" s="9" t="s">
        <v>42</v>
      </c>
      <c r="H85" s="8"/>
      <c r="I85" s="9" t="s">
        <v>43</v>
      </c>
      <c r="J85" s="8"/>
      <c r="K85" s="9" t="s">
        <v>44</v>
      </c>
      <c r="L85" s="8"/>
      <c r="M85" s="9" t="s">
        <v>45</v>
      </c>
      <c r="N85" s="8"/>
      <c r="O85" s="9" t="s">
        <v>46</v>
      </c>
    </row>
    <row r="86" spans="3:15" ht="15.75" thickBot="1" x14ac:dyDescent="0.3"/>
    <row r="87" spans="3:15" ht="19.5" thickBot="1" x14ac:dyDescent="0.3">
      <c r="C87" s="7">
        <v>42</v>
      </c>
      <c r="E87" s="9" t="s">
        <v>41</v>
      </c>
      <c r="F87" s="8"/>
      <c r="G87" s="9" t="s">
        <v>42</v>
      </c>
      <c r="H87" s="8"/>
      <c r="I87" s="9" t="s">
        <v>43</v>
      </c>
      <c r="J87" s="8"/>
      <c r="K87" s="9" t="s">
        <v>44</v>
      </c>
      <c r="L87" s="8"/>
      <c r="M87" s="9" t="s">
        <v>45</v>
      </c>
      <c r="N87" s="8"/>
      <c r="O87" s="9" t="s">
        <v>46</v>
      </c>
    </row>
    <row r="88" spans="3:15" ht="15.75" thickBot="1" x14ac:dyDescent="0.3"/>
    <row r="89" spans="3:15" ht="19.5" thickBot="1" x14ac:dyDescent="0.3">
      <c r="C89" s="7">
        <v>43</v>
      </c>
      <c r="E89" s="9" t="s">
        <v>41</v>
      </c>
      <c r="F89" s="8"/>
      <c r="G89" s="9" t="s">
        <v>42</v>
      </c>
      <c r="H89" s="8"/>
      <c r="I89" s="9" t="s">
        <v>43</v>
      </c>
      <c r="J89" s="8"/>
      <c r="K89" s="9" t="s">
        <v>44</v>
      </c>
      <c r="L89" s="8"/>
      <c r="M89" s="9" t="s">
        <v>45</v>
      </c>
      <c r="N89" s="8"/>
      <c r="O89" s="9" t="s">
        <v>46</v>
      </c>
    </row>
    <row r="90" spans="3:15" ht="15.75" thickBot="1" x14ac:dyDescent="0.3"/>
    <row r="91" spans="3:15" ht="19.5" thickBot="1" x14ac:dyDescent="0.3">
      <c r="C91" s="7">
        <v>44</v>
      </c>
      <c r="E91" s="9" t="s">
        <v>41</v>
      </c>
      <c r="F91" s="8"/>
      <c r="G91" s="9" t="s">
        <v>42</v>
      </c>
      <c r="H91" s="8"/>
      <c r="I91" s="9" t="s">
        <v>43</v>
      </c>
      <c r="J91" s="8"/>
      <c r="K91" s="9" t="s">
        <v>44</v>
      </c>
      <c r="L91" s="8"/>
      <c r="M91" s="9" t="s">
        <v>45</v>
      </c>
      <c r="N91" s="8"/>
      <c r="O91" s="9" t="s">
        <v>46</v>
      </c>
    </row>
    <row r="92" spans="3:15" ht="15.75" thickBot="1" x14ac:dyDescent="0.3"/>
    <row r="93" spans="3:15" ht="19.5" thickBot="1" x14ac:dyDescent="0.3">
      <c r="C93" s="7">
        <v>45</v>
      </c>
      <c r="E93" s="9" t="s">
        <v>41</v>
      </c>
      <c r="F93" s="8"/>
      <c r="G93" s="9" t="s">
        <v>42</v>
      </c>
      <c r="H93" s="8"/>
      <c r="I93" s="9" t="s">
        <v>43</v>
      </c>
      <c r="J93" s="8"/>
      <c r="K93" s="9" t="s">
        <v>44</v>
      </c>
      <c r="L93" s="8"/>
      <c r="M93" s="9" t="s">
        <v>45</v>
      </c>
      <c r="N93" s="8"/>
      <c r="O93" s="9" t="s">
        <v>46</v>
      </c>
    </row>
    <row r="94" spans="3:15" ht="15.75" thickBot="1" x14ac:dyDescent="0.3"/>
    <row r="95" spans="3:15" ht="19.5" thickBot="1" x14ac:dyDescent="0.3">
      <c r="C95" s="7">
        <v>46</v>
      </c>
      <c r="E95" s="9" t="s">
        <v>41</v>
      </c>
      <c r="F95" s="8"/>
      <c r="G95" s="9" t="s">
        <v>42</v>
      </c>
      <c r="H95" s="8"/>
      <c r="I95" s="9" t="s">
        <v>43</v>
      </c>
      <c r="J95" s="8"/>
      <c r="K95" s="9" t="s">
        <v>44</v>
      </c>
      <c r="L95" s="8"/>
      <c r="M95" s="9" t="s">
        <v>45</v>
      </c>
      <c r="N95" s="8"/>
      <c r="O95" s="9" t="s">
        <v>46</v>
      </c>
    </row>
    <row r="96" spans="3:15" ht="15.75" thickBot="1" x14ac:dyDescent="0.3"/>
    <row r="97" spans="3:15" ht="19.5" thickBot="1" x14ac:dyDescent="0.3">
      <c r="C97" s="7">
        <v>47</v>
      </c>
      <c r="E97" s="9" t="s">
        <v>41</v>
      </c>
      <c r="F97" s="8"/>
      <c r="G97" s="9" t="s">
        <v>42</v>
      </c>
      <c r="H97" s="8"/>
      <c r="I97" s="9" t="s">
        <v>43</v>
      </c>
      <c r="J97" s="8"/>
      <c r="K97" s="9" t="s">
        <v>44</v>
      </c>
      <c r="L97" s="8"/>
      <c r="M97" s="9" t="s">
        <v>45</v>
      </c>
      <c r="N97" s="8"/>
      <c r="O97" s="9" t="s">
        <v>46</v>
      </c>
    </row>
    <row r="98" spans="3:15" ht="15.75" thickBot="1" x14ac:dyDescent="0.3"/>
    <row r="99" spans="3:15" ht="19.5" thickBot="1" x14ac:dyDescent="0.3">
      <c r="C99" s="7">
        <v>48</v>
      </c>
      <c r="E99" s="9" t="s">
        <v>41</v>
      </c>
      <c r="F99" s="8"/>
      <c r="G99" s="9" t="s">
        <v>42</v>
      </c>
      <c r="H99" s="8"/>
      <c r="I99" s="9" t="s">
        <v>43</v>
      </c>
      <c r="J99" s="8"/>
      <c r="K99" s="9" t="s">
        <v>44</v>
      </c>
      <c r="L99" s="8"/>
      <c r="M99" s="9" t="s">
        <v>45</v>
      </c>
      <c r="N99" s="8"/>
      <c r="O99" s="9" t="s">
        <v>46</v>
      </c>
    </row>
    <row r="100" spans="3:15" ht="15.75" thickBot="1" x14ac:dyDescent="0.3"/>
    <row r="101" spans="3:15" ht="19.5" thickBot="1" x14ac:dyDescent="0.3">
      <c r="C101" s="7">
        <v>49</v>
      </c>
      <c r="E101" s="9" t="s">
        <v>41</v>
      </c>
      <c r="F101" s="8"/>
      <c r="G101" s="9" t="s">
        <v>42</v>
      </c>
      <c r="H101" s="8"/>
      <c r="I101" s="9" t="s">
        <v>43</v>
      </c>
      <c r="J101" s="8"/>
      <c r="K101" s="9" t="s">
        <v>44</v>
      </c>
      <c r="L101" s="8"/>
      <c r="M101" s="9" t="s">
        <v>45</v>
      </c>
      <c r="N101" s="8"/>
      <c r="O101" s="9" t="s">
        <v>46</v>
      </c>
    </row>
    <row r="102" spans="3:15" ht="15.75" thickBot="1" x14ac:dyDescent="0.3"/>
    <row r="103" spans="3:15" ht="19.5" thickBot="1" x14ac:dyDescent="0.3">
      <c r="C103" s="7">
        <v>50</v>
      </c>
      <c r="E103" s="9" t="s">
        <v>41</v>
      </c>
      <c r="F103" s="8"/>
      <c r="G103" s="9" t="s">
        <v>42</v>
      </c>
      <c r="H103" s="8"/>
      <c r="I103" s="9" t="s">
        <v>43</v>
      </c>
      <c r="J103" s="8"/>
      <c r="K103" s="9" t="s">
        <v>44</v>
      </c>
      <c r="L103" s="8"/>
      <c r="M103" s="9" t="s">
        <v>45</v>
      </c>
      <c r="N103" s="8"/>
      <c r="O103" s="9" t="s">
        <v>46</v>
      </c>
    </row>
    <row r="104" spans="3:15" ht="15.75" thickBot="1" x14ac:dyDescent="0.3"/>
    <row r="105" spans="3:15" ht="19.5" thickBot="1" x14ac:dyDescent="0.3">
      <c r="C105" s="7">
        <v>51</v>
      </c>
      <c r="E105" s="9" t="s">
        <v>41</v>
      </c>
      <c r="F105" s="8"/>
      <c r="G105" s="9" t="s">
        <v>42</v>
      </c>
      <c r="H105" s="8"/>
      <c r="I105" s="9" t="s">
        <v>43</v>
      </c>
      <c r="J105" s="8"/>
      <c r="K105" s="9" t="s">
        <v>44</v>
      </c>
      <c r="L105" s="8"/>
      <c r="M105" s="9" t="s">
        <v>45</v>
      </c>
      <c r="N105" s="8"/>
      <c r="O105" s="9" t="s">
        <v>46</v>
      </c>
    </row>
    <row r="106" spans="3:15" ht="15.75" thickBot="1" x14ac:dyDescent="0.3"/>
    <row r="107" spans="3:15" ht="19.5" thickBot="1" x14ac:dyDescent="0.3">
      <c r="C107" s="7">
        <v>52</v>
      </c>
      <c r="E107" s="9" t="s">
        <v>41</v>
      </c>
      <c r="F107" s="8"/>
      <c r="G107" s="9" t="s">
        <v>42</v>
      </c>
      <c r="H107" s="8"/>
      <c r="I107" s="9" t="s">
        <v>43</v>
      </c>
      <c r="J107" s="8"/>
      <c r="K107" s="9" t="s">
        <v>44</v>
      </c>
      <c r="L107" s="8"/>
      <c r="M107" s="9" t="s">
        <v>45</v>
      </c>
      <c r="N107" s="8"/>
      <c r="O107" s="9" t="s">
        <v>46</v>
      </c>
    </row>
    <row r="108" spans="3:15" ht="15.75" thickBot="1" x14ac:dyDescent="0.3"/>
    <row r="109" spans="3:15" ht="19.5" thickBot="1" x14ac:dyDescent="0.3">
      <c r="C109" s="7">
        <v>53</v>
      </c>
      <c r="E109" s="9" t="s">
        <v>41</v>
      </c>
      <c r="F109" s="8"/>
      <c r="G109" s="9" t="s">
        <v>42</v>
      </c>
      <c r="H109" s="8"/>
      <c r="I109" s="9" t="s">
        <v>43</v>
      </c>
      <c r="J109" s="8"/>
      <c r="K109" s="9" t="s">
        <v>44</v>
      </c>
      <c r="L109" s="8"/>
      <c r="M109" s="9" t="s">
        <v>45</v>
      </c>
      <c r="N109" s="8"/>
      <c r="O109" s="9" t="s">
        <v>46</v>
      </c>
    </row>
    <row r="110" spans="3:15" ht="15.75" thickBot="1" x14ac:dyDescent="0.3"/>
    <row r="111" spans="3:15" ht="19.5" thickBot="1" x14ac:dyDescent="0.3">
      <c r="C111" s="7">
        <v>54</v>
      </c>
      <c r="E111" s="9" t="s">
        <v>41</v>
      </c>
      <c r="F111" s="8"/>
      <c r="G111" s="9" t="s">
        <v>42</v>
      </c>
      <c r="H111" s="8"/>
      <c r="I111" s="9" t="s">
        <v>43</v>
      </c>
      <c r="J111" s="8"/>
      <c r="K111" s="9" t="s">
        <v>44</v>
      </c>
      <c r="L111" s="8"/>
      <c r="M111" s="9" t="s">
        <v>45</v>
      </c>
      <c r="N111" s="8"/>
      <c r="O111" s="9" t="s">
        <v>46</v>
      </c>
    </row>
    <row r="112" spans="3:15" ht="15.75" thickBot="1" x14ac:dyDescent="0.3"/>
    <row r="113" spans="3:15" ht="19.5" thickBot="1" x14ac:dyDescent="0.3">
      <c r="C113" s="7">
        <v>55</v>
      </c>
      <c r="E113" s="9" t="s">
        <v>41</v>
      </c>
      <c r="F113" s="8"/>
      <c r="G113" s="9" t="s">
        <v>42</v>
      </c>
      <c r="H113" s="8"/>
      <c r="I113" s="9" t="s">
        <v>43</v>
      </c>
      <c r="J113" s="8"/>
      <c r="K113" s="9" t="s">
        <v>44</v>
      </c>
      <c r="L113" s="8"/>
      <c r="M113" s="9" t="s">
        <v>45</v>
      </c>
      <c r="N113" s="8"/>
      <c r="O113" s="9" t="s">
        <v>46</v>
      </c>
    </row>
    <row r="114" spans="3:15" ht="15.75" thickBot="1" x14ac:dyDescent="0.3"/>
    <row r="115" spans="3:15" ht="19.5" thickBot="1" x14ac:dyDescent="0.3">
      <c r="C115" s="7">
        <v>56</v>
      </c>
      <c r="E115" s="9" t="s">
        <v>41</v>
      </c>
      <c r="F115" s="8"/>
      <c r="G115" s="9" t="s">
        <v>42</v>
      </c>
      <c r="H115" s="8"/>
      <c r="I115" s="9" t="s">
        <v>43</v>
      </c>
      <c r="J115" s="8"/>
      <c r="K115" s="9" t="s">
        <v>44</v>
      </c>
      <c r="L115" s="8"/>
      <c r="M115" s="9" t="s">
        <v>45</v>
      </c>
      <c r="N115" s="8"/>
      <c r="O115" s="9" t="s">
        <v>46</v>
      </c>
    </row>
    <row r="116" spans="3:15" ht="15.75" thickBot="1" x14ac:dyDescent="0.3"/>
    <row r="117" spans="3:15" ht="19.5" thickBot="1" x14ac:dyDescent="0.3">
      <c r="C117" s="7">
        <v>57</v>
      </c>
      <c r="E117" s="9" t="s">
        <v>41</v>
      </c>
      <c r="F117" s="8"/>
      <c r="G117" s="9" t="s">
        <v>42</v>
      </c>
      <c r="H117" s="8"/>
      <c r="I117" s="9" t="s">
        <v>43</v>
      </c>
      <c r="J117" s="8"/>
      <c r="K117" s="9" t="s">
        <v>44</v>
      </c>
      <c r="L117" s="8"/>
      <c r="M117" s="9" t="s">
        <v>45</v>
      </c>
      <c r="N117" s="8"/>
      <c r="O117" s="9" t="s">
        <v>46</v>
      </c>
    </row>
    <row r="118" spans="3:15" ht="15.75" thickBot="1" x14ac:dyDescent="0.3"/>
    <row r="119" spans="3:15" ht="19.5" thickBot="1" x14ac:dyDescent="0.3">
      <c r="C119" s="7">
        <v>58</v>
      </c>
      <c r="E119" s="9" t="s">
        <v>41</v>
      </c>
      <c r="F119" s="8"/>
      <c r="G119" s="9" t="s">
        <v>42</v>
      </c>
      <c r="H119" s="8"/>
      <c r="I119" s="9" t="s">
        <v>43</v>
      </c>
      <c r="J119" s="8"/>
      <c r="K119" s="9" t="s">
        <v>44</v>
      </c>
      <c r="L119" s="8"/>
      <c r="M119" s="9" t="s">
        <v>45</v>
      </c>
      <c r="N119" s="8"/>
      <c r="O119" s="9" t="s">
        <v>46</v>
      </c>
    </row>
    <row r="120" spans="3:15" ht="15.75" thickBot="1" x14ac:dyDescent="0.3"/>
    <row r="121" spans="3:15" ht="19.5" thickBot="1" x14ac:dyDescent="0.3">
      <c r="C121" s="7">
        <v>59</v>
      </c>
      <c r="E121" s="9" t="s">
        <v>41</v>
      </c>
      <c r="F121" s="8"/>
      <c r="G121" s="9" t="s">
        <v>42</v>
      </c>
      <c r="H121" s="8"/>
      <c r="I121" s="9" t="s">
        <v>43</v>
      </c>
      <c r="J121" s="8"/>
      <c r="K121" s="9" t="s">
        <v>44</v>
      </c>
      <c r="L121" s="8"/>
      <c r="M121" s="9" t="s">
        <v>45</v>
      </c>
      <c r="N121" s="8"/>
      <c r="O121" s="9" t="s">
        <v>46</v>
      </c>
    </row>
    <row r="122" spans="3:15" ht="15.75" thickBot="1" x14ac:dyDescent="0.3"/>
    <row r="123" spans="3:15" ht="19.5" thickBot="1" x14ac:dyDescent="0.3">
      <c r="C123" s="7">
        <v>60</v>
      </c>
      <c r="E123" s="9" t="s">
        <v>41</v>
      </c>
      <c r="F123" s="8"/>
      <c r="G123" s="9" t="s">
        <v>42</v>
      </c>
      <c r="H123" s="8"/>
      <c r="I123" s="9" t="s">
        <v>43</v>
      </c>
      <c r="J123" s="8"/>
      <c r="K123" s="9" t="s">
        <v>44</v>
      </c>
      <c r="L123" s="8"/>
      <c r="M123" s="9" t="s">
        <v>45</v>
      </c>
      <c r="N123" s="8"/>
      <c r="O123" s="9" t="s">
        <v>46</v>
      </c>
    </row>
    <row r="124" spans="3:15" ht="15.75" thickBot="1" x14ac:dyDescent="0.3"/>
    <row r="125" spans="3:15" ht="19.5" thickBot="1" x14ac:dyDescent="0.3">
      <c r="C125" s="7">
        <v>61</v>
      </c>
      <c r="E125" s="9" t="s">
        <v>41</v>
      </c>
      <c r="F125" s="8"/>
      <c r="G125" s="9" t="s">
        <v>42</v>
      </c>
      <c r="H125" s="8"/>
      <c r="I125" s="9" t="s">
        <v>43</v>
      </c>
      <c r="J125" s="8"/>
      <c r="K125" s="9" t="s">
        <v>44</v>
      </c>
      <c r="L125" s="8"/>
      <c r="M125" s="9" t="s">
        <v>45</v>
      </c>
      <c r="N125" s="8"/>
      <c r="O125" s="9" t="s">
        <v>46</v>
      </c>
    </row>
    <row r="126" spans="3:15" ht="15.75" thickBot="1" x14ac:dyDescent="0.3"/>
    <row r="127" spans="3:15" ht="19.5" thickBot="1" x14ac:dyDescent="0.3">
      <c r="C127" s="7">
        <v>62</v>
      </c>
      <c r="E127" s="9" t="s">
        <v>41</v>
      </c>
      <c r="F127" s="8"/>
      <c r="G127" s="9" t="s">
        <v>42</v>
      </c>
      <c r="H127" s="8"/>
      <c r="I127" s="9" t="s">
        <v>43</v>
      </c>
      <c r="J127" s="8"/>
      <c r="K127" s="9" t="s">
        <v>44</v>
      </c>
      <c r="L127" s="8"/>
      <c r="M127" s="9" t="s">
        <v>45</v>
      </c>
      <c r="N127" s="8"/>
      <c r="O127" s="9" t="s">
        <v>46</v>
      </c>
    </row>
    <row r="128" spans="3:15" ht="15.75" thickBot="1" x14ac:dyDescent="0.3"/>
    <row r="129" spans="3:15" ht="19.5" thickBot="1" x14ac:dyDescent="0.3">
      <c r="C129" s="7">
        <v>63</v>
      </c>
      <c r="E129" s="9" t="s">
        <v>41</v>
      </c>
      <c r="F129" s="8"/>
      <c r="G129" s="9" t="s">
        <v>42</v>
      </c>
      <c r="H129" s="8"/>
      <c r="I129" s="9" t="s">
        <v>43</v>
      </c>
      <c r="J129" s="8"/>
      <c r="K129" s="9" t="s">
        <v>44</v>
      </c>
      <c r="L129" s="8"/>
      <c r="M129" s="9" t="s">
        <v>45</v>
      </c>
      <c r="N129" s="8"/>
      <c r="O129" s="9" t="s">
        <v>46</v>
      </c>
    </row>
    <row r="130" spans="3:15" ht="15.75" thickBot="1" x14ac:dyDescent="0.3"/>
    <row r="131" spans="3:15" ht="19.5" thickBot="1" x14ac:dyDescent="0.3">
      <c r="C131" s="7">
        <v>64</v>
      </c>
      <c r="E131" s="9" t="s">
        <v>41</v>
      </c>
      <c r="F131" s="8"/>
      <c r="G131" s="9" t="s">
        <v>42</v>
      </c>
      <c r="H131" s="8"/>
      <c r="I131" s="9" t="s">
        <v>43</v>
      </c>
      <c r="J131" s="8"/>
      <c r="K131" s="9" t="s">
        <v>44</v>
      </c>
      <c r="L131" s="8"/>
      <c r="M131" s="9" t="s">
        <v>45</v>
      </c>
      <c r="N131" s="8"/>
      <c r="O131" s="9" t="s">
        <v>46</v>
      </c>
    </row>
    <row r="132" spans="3:15" ht="15.75" thickBot="1" x14ac:dyDescent="0.3"/>
    <row r="133" spans="3:15" ht="19.5" thickBot="1" x14ac:dyDescent="0.3">
      <c r="C133" s="7">
        <v>65</v>
      </c>
      <c r="E133" s="9" t="s">
        <v>41</v>
      </c>
      <c r="F133" s="8"/>
      <c r="G133" s="9" t="s">
        <v>42</v>
      </c>
      <c r="H133" s="8"/>
      <c r="I133" s="9" t="s">
        <v>43</v>
      </c>
      <c r="J133" s="8"/>
      <c r="K133" s="9" t="s">
        <v>44</v>
      </c>
      <c r="L133" s="8"/>
      <c r="M133" s="9" t="s">
        <v>45</v>
      </c>
      <c r="N133" s="8"/>
      <c r="O133" s="9" t="s">
        <v>46</v>
      </c>
    </row>
    <row r="134" spans="3:15" ht="15.75" thickBot="1" x14ac:dyDescent="0.3"/>
    <row r="135" spans="3:15" ht="19.5" thickBot="1" x14ac:dyDescent="0.3">
      <c r="C135" s="7">
        <v>66</v>
      </c>
      <c r="E135" s="9" t="s">
        <v>41</v>
      </c>
      <c r="F135" s="8"/>
      <c r="G135" s="9" t="s">
        <v>42</v>
      </c>
      <c r="H135" s="8"/>
      <c r="I135" s="9" t="s">
        <v>43</v>
      </c>
      <c r="J135" s="8"/>
      <c r="K135" s="9" t="s">
        <v>44</v>
      </c>
      <c r="L135" s="8"/>
      <c r="M135" s="9" t="s">
        <v>45</v>
      </c>
      <c r="N135" s="8"/>
      <c r="O135" s="9" t="s">
        <v>46</v>
      </c>
    </row>
    <row r="136" spans="3:15" ht="15.75" thickBot="1" x14ac:dyDescent="0.3"/>
    <row r="137" spans="3:15" ht="19.5" thickBot="1" x14ac:dyDescent="0.3">
      <c r="C137" s="7">
        <v>67</v>
      </c>
      <c r="E137" s="9" t="s">
        <v>41</v>
      </c>
      <c r="F137" s="8"/>
      <c r="G137" s="9" t="s">
        <v>42</v>
      </c>
      <c r="H137" s="8"/>
      <c r="I137" s="9" t="s">
        <v>43</v>
      </c>
      <c r="J137" s="8"/>
      <c r="K137" s="9" t="s">
        <v>44</v>
      </c>
      <c r="L137" s="8"/>
      <c r="M137" s="9" t="s">
        <v>45</v>
      </c>
      <c r="N137" s="8"/>
      <c r="O137" s="9" t="s">
        <v>46</v>
      </c>
    </row>
    <row r="138" spans="3:15" ht="15.75" thickBot="1" x14ac:dyDescent="0.3"/>
    <row r="139" spans="3:15" ht="19.5" thickBot="1" x14ac:dyDescent="0.3">
      <c r="C139" s="7">
        <v>68</v>
      </c>
      <c r="E139" s="9" t="s">
        <v>41</v>
      </c>
      <c r="F139" s="8"/>
      <c r="G139" s="9" t="s">
        <v>42</v>
      </c>
      <c r="H139" s="8"/>
      <c r="I139" s="9" t="s">
        <v>43</v>
      </c>
      <c r="J139" s="8"/>
      <c r="K139" s="9" t="s">
        <v>44</v>
      </c>
      <c r="L139" s="8"/>
      <c r="M139" s="9" t="s">
        <v>45</v>
      </c>
      <c r="N139" s="8"/>
      <c r="O139" s="9" t="s">
        <v>46</v>
      </c>
    </row>
    <row r="140" spans="3:15" ht="15.75" thickBot="1" x14ac:dyDescent="0.3"/>
    <row r="141" spans="3:15" ht="19.5" thickBot="1" x14ac:dyDescent="0.3">
      <c r="C141" s="7">
        <v>69</v>
      </c>
      <c r="E141" s="9" t="s">
        <v>41</v>
      </c>
      <c r="F141" s="8"/>
      <c r="G141" s="9" t="s">
        <v>42</v>
      </c>
      <c r="H141" s="8"/>
      <c r="I141" s="9" t="s">
        <v>43</v>
      </c>
      <c r="J141" s="8"/>
      <c r="K141" s="9" t="s">
        <v>44</v>
      </c>
      <c r="L141" s="8"/>
      <c r="M141" s="9" t="s">
        <v>45</v>
      </c>
      <c r="N141" s="8"/>
      <c r="O141" s="9" t="s">
        <v>46</v>
      </c>
    </row>
    <row r="142" spans="3:15" ht="15.75" thickBot="1" x14ac:dyDescent="0.3"/>
    <row r="143" spans="3:15" ht="19.5" thickBot="1" x14ac:dyDescent="0.3">
      <c r="C143" s="7">
        <v>70</v>
      </c>
      <c r="E143" s="9" t="s">
        <v>41</v>
      </c>
      <c r="F143" s="8"/>
      <c r="G143" s="9" t="s">
        <v>42</v>
      </c>
      <c r="H143" s="8"/>
      <c r="I143" s="9" t="s">
        <v>43</v>
      </c>
      <c r="J143" s="8"/>
      <c r="K143" s="9" t="s">
        <v>44</v>
      </c>
      <c r="L143" s="8"/>
      <c r="M143" s="9" t="s">
        <v>45</v>
      </c>
      <c r="N143" s="8"/>
      <c r="O143" s="9" t="s">
        <v>46</v>
      </c>
    </row>
    <row r="144" spans="3:15" ht="15.75" thickBot="1" x14ac:dyDescent="0.3"/>
    <row r="145" spans="3:15" ht="19.5" thickBot="1" x14ac:dyDescent="0.3">
      <c r="C145" s="7">
        <v>71</v>
      </c>
      <c r="E145" s="9" t="s">
        <v>41</v>
      </c>
      <c r="F145" s="8"/>
      <c r="G145" s="9" t="s">
        <v>42</v>
      </c>
      <c r="H145" s="8"/>
      <c r="I145" s="9" t="s">
        <v>43</v>
      </c>
      <c r="J145" s="8"/>
      <c r="K145" s="9" t="s">
        <v>44</v>
      </c>
      <c r="L145" s="8"/>
      <c r="M145" s="9" t="s">
        <v>45</v>
      </c>
      <c r="N145" s="8"/>
      <c r="O145" s="9" t="s">
        <v>46</v>
      </c>
    </row>
    <row r="146" spans="3:15" ht="15.75" thickBot="1" x14ac:dyDescent="0.3"/>
    <row r="147" spans="3:15" ht="19.5" thickBot="1" x14ac:dyDescent="0.3">
      <c r="C147" s="7">
        <v>72</v>
      </c>
      <c r="E147" s="9" t="s">
        <v>41</v>
      </c>
      <c r="F147" s="8"/>
      <c r="G147" s="9" t="s">
        <v>42</v>
      </c>
      <c r="H147" s="8"/>
      <c r="I147" s="9" t="s">
        <v>43</v>
      </c>
      <c r="J147" s="8"/>
      <c r="K147" s="9" t="s">
        <v>44</v>
      </c>
      <c r="L147" s="8"/>
      <c r="M147" s="9" t="s">
        <v>45</v>
      </c>
      <c r="N147" s="8"/>
      <c r="O147" s="9" t="s">
        <v>46</v>
      </c>
    </row>
    <row r="148" spans="3:15" ht="15.75" thickBot="1" x14ac:dyDescent="0.3"/>
    <row r="149" spans="3:15" ht="19.5" thickBot="1" x14ac:dyDescent="0.3">
      <c r="C149" s="7">
        <v>73</v>
      </c>
      <c r="E149" s="9" t="s">
        <v>41</v>
      </c>
      <c r="F149" s="8"/>
      <c r="G149" s="9" t="s">
        <v>42</v>
      </c>
      <c r="H149" s="8"/>
      <c r="I149" s="9" t="s">
        <v>43</v>
      </c>
      <c r="J149" s="8"/>
      <c r="K149" s="9" t="s">
        <v>44</v>
      </c>
      <c r="L149" s="8"/>
      <c r="M149" s="9" t="s">
        <v>45</v>
      </c>
      <c r="N149" s="8"/>
      <c r="O149" s="9" t="s">
        <v>46</v>
      </c>
    </row>
    <row r="150" spans="3:15" ht="15.75" thickBot="1" x14ac:dyDescent="0.3"/>
    <row r="151" spans="3:15" ht="19.5" thickBot="1" x14ac:dyDescent="0.3">
      <c r="C151" s="7">
        <v>74</v>
      </c>
      <c r="E151" s="9" t="s">
        <v>41</v>
      </c>
      <c r="F151" s="8"/>
      <c r="G151" s="9" t="s">
        <v>42</v>
      </c>
      <c r="H151" s="8"/>
      <c r="I151" s="9" t="s">
        <v>43</v>
      </c>
      <c r="J151" s="8"/>
      <c r="K151" s="9" t="s">
        <v>44</v>
      </c>
      <c r="L151" s="8"/>
      <c r="M151" s="9" t="s">
        <v>45</v>
      </c>
      <c r="N151" s="8"/>
      <c r="O151" s="9" t="s">
        <v>46</v>
      </c>
    </row>
    <row r="152" spans="3:15" ht="15.75" thickBot="1" x14ac:dyDescent="0.3"/>
    <row r="153" spans="3:15" ht="19.5" thickBot="1" x14ac:dyDescent="0.3">
      <c r="C153" s="7">
        <v>75</v>
      </c>
      <c r="E153" s="9" t="s">
        <v>41</v>
      </c>
      <c r="F153" s="8"/>
      <c r="G153" s="9" t="s">
        <v>42</v>
      </c>
      <c r="H153" s="8"/>
      <c r="I153" s="9" t="s">
        <v>43</v>
      </c>
      <c r="J153" s="8"/>
      <c r="K153" s="9" t="s">
        <v>44</v>
      </c>
      <c r="L153" s="8"/>
      <c r="M153" s="9" t="s">
        <v>45</v>
      </c>
      <c r="N153" s="8"/>
      <c r="O153" s="9" t="s">
        <v>46</v>
      </c>
    </row>
    <row r="154" spans="3:15" ht="15.75" thickBot="1" x14ac:dyDescent="0.3"/>
    <row r="155" spans="3:15" ht="19.5" thickBot="1" x14ac:dyDescent="0.3">
      <c r="C155" s="7">
        <v>76</v>
      </c>
      <c r="E155" s="9" t="s">
        <v>41</v>
      </c>
      <c r="F155" s="8"/>
      <c r="G155" s="9" t="s">
        <v>42</v>
      </c>
      <c r="H155" s="8"/>
      <c r="I155" s="9" t="s">
        <v>43</v>
      </c>
      <c r="J155" s="8"/>
      <c r="K155" s="9" t="s">
        <v>44</v>
      </c>
      <c r="L155" s="8"/>
      <c r="M155" s="9" t="s">
        <v>45</v>
      </c>
      <c r="N155" s="8"/>
      <c r="O155" s="9" t="s">
        <v>46</v>
      </c>
    </row>
    <row r="156" spans="3:15" ht="15.75" thickBot="1" x14ac:dyDescent="0.3"/>
    <row r="157" spans="3:15" ht="19.5" thickBot="1" x14ac:dyDescent="0.3">
      <c r="C157" s="7">
        <v>77</v>
      </c>
      <c r="E157" s="9" t="s">
        <v>41</v>
      </c>
      <c r="F157" s="8"/>
      <c r="G157" s="9" t="s">
        <v>42</v>
      </c>
      <c r="H157" s="8"/>
      <c r="I157" s="9" t="s">
        <v>43</v>
      </c>
      <c r="J157" s="8"/>
      <c r="K157" s="9" t="s">
        <v>44</v>
      </c>
      <c r="L157" s="8"/>
      <c r="M157" s="9" t="s">
        <v>45</v>
      </c>
      <c r="N157" s="8"/>
      <c r="O157" s="9" t="s">
        <v>46</v>
      </c>
    </row>
    <row r="158" spans="3:15" ht="15.75" thickBot="1" x14ac:dyDescent="0.3"/>
    <row r="159" spans="3:15" ht="19.5" thickBot="1" x14ac:dyDescent="0.3">
      <c r="C159" s="7">
        <v>78</v>
      </c>
      <c r="E159" s="9" t="s">
        <v>41</v>
      </c>
      <c r="F159" s="8"/>
      <c r="G159" s="9" t="s">
        <v>42</v>
      </c>
      <c r="H159" s="8"/>
      <c r="I159" s="9" t="s">
        <v>43</v>
      </c>
      <c r="J159" s="8"/>
      <c r="K159" s="9" t="s">
        <v>44</v>
      </c>
      <c r="L159" s="8"/>
      <c r="M159" s="9" t="s">
        <v>45</v>
      </c>
      <c r="N159" s="8"/>
      <c r="O159" s="9" t="s">
        <v>46</v>
      </c>
    </row>
    <row r="160" spans="3:15" ht="15.75" thickBot="1" x14ac:dyDescent="0.3"/>
    <row r="161" spans="3:15" ht="19.5" thickBot="1" x14ac:dyDescent="0.3">
      <c r="C161" s="7">
        <v>79</v>
      </c>
      <c r="E161" s="9" t="s">
        <v>41</v>
      </c>
      <c r="F161" s="8"/>
      <c r="G161" s="9" t="s">
        <v>42</v>
      </c>
      <c r="H161" s="8"/>
      <c r="I161" s="9" t="s">
        <v>43</v>
      </c>
      <c r="J161" s="8"/>
      <c r="K161" s="9" t="s">
        <v>44</v>
      </c>
      <c r="L161" s="8"/>
      <c r="M161" s="9" t="s">
        <v>45</v>
      </c>
      <c r="N161" s="8"/>
      <c r="O161" s="9" t="s">
        <v>46</v>
      </c>
    </row>
    <row r="162" spans="3:15" ht="15.75" thickBot="1" x14ac:dyDescent="0.3"/>
    <row r="163" spans="3:15" ht="19.5" thickBot="1" x14ac:dyDescent="0.3">
      <c r="C163" s="7">
        <v>80</v>
      </c>
      <c r="E163" s="9" t="s">
        <v>41</v>
      </c>
      <c r="F163" s="8"/>
      <c r="G163" s="9" t="s">
        <v>42</v>
      </c>
      <c r="H163" s="8"/>
      <c r="I163" s="9" t="s">
        <v>43</v>
      </c>
      <c r="J163" s="8"/>
      <c r="K163" s="9" t="s">
        <v>44</v>
      </c>
      <c r="L163" s="8"/>
      <c r="M163" s="9" t="s">
        <v>45</v>
      </c>
      <c r="N163" s="8"/>
      <c r="O163" s="9" t="s">
        <v>46</v>
      </c>
    </row>
    <row r="164" spans="3:15" ht="15.75" thickBot="1" x14ac:dyDescent="0.3"/>
    <row r="165" spans="3:15" ht="19.5" thickBot="1" x14ac:dyDescent="0.3">
      <c r="C165" s="7">
        <v>81</v>
      </c>
      <c r="E165" s="9" t="s">
        <v>41</v>
      </c>
      <c r="F165" s="8"/>
      <c r="G165" s="9" t="s">
        <v>42</v>
      </c>
      <c r="H165" s="8"/>
      <c r="I165" s="9" t="s">
        <v>43</v>
      </c>
      <c r="J165" s="8"/>
      <c r="K165" s="9" t="s">
        <v>44</v>
      </c>
      <c r="L165" s="8"/>
      <c r="M165" s="9" t="s">
        <v>45</v>
      </c>
      <c r="N165" s="8"/>
      <c r="O165" s="9" t="s">
        <v>46</v>
      </c>
    </row>
    <row r="166" spans="3:15" ht="15.75" thickBot="1" x14ac:dyDescent="0.3"/>
    <row r="167" spans="3:15" ht="19.5" thickBot="1" x14ac:dyDescent="0.3">
      <c r="C167" s="7">
        <v>82</v>
      </c>
      <c r="E167" s="9" t="s">
        <v>41</v>
      </c>
      <c r="F167" s="8"/>
      <c r="G167" s="9" t="s">
        <v>42</v>
      </c>
      <c r="H167" s="8"/>
      <c r="I167" s="9" t="s">
        <v>43</v>
      </c>
      <c r="J167" s="8"/>
      <c r="K167" s="9" t="s">
        <v>44</v>
      </c>
      <c r="L167" s="8"/>
      <c r="M167" s="9" t="s">
        <v>45</v>
      </c>
      <c r="N167" s="8"/>
      <c r="O167" s="9" t="s">
        <v>46</v>
      </c>
    </row>
    <row r="168" spans="3:15" ht="15.75" thickBot="1" x14ac:dyDescent="0.3"/>
    <row r="169" spans="3:15" ht="19.5" thickBot="1" x14ac:dyDescent="0.3">
      <c r="C169" s="7">
        <v>83</v>
      </c>
      <c r="E169" s="9" t="s">
        <v>41</v>
      </c>
      <c r="F169" s="8"/>
      <c r="G169" s="9" t="s">
        <v>42</v>
      </c>
      <c r="H169" s="8"/>
      <c r="I169" s="9" t="s">
        <v>43</v>
      </c>
      <c r="J169" s="8"/>
      <c r="K169" s="9" t="s">
        <v>44</v>
      </c>
      <c r="L169" s="8"/>
      <c r="M169" s="9" t="s">
        <v>45</v>
      </c>
      <c r="N169" s="8"/>
      <c r="O169" s="9" t="s">
        <v>46</v>
      </c>
    </row>
    <row r="170" spans="3:15" ht="15.75" thickBot="1" x14ac:dyDescent="0.3"/>
    <row r="171" spans="3:15" ht="19.5" thickBot="1" x14ac:dyDescent="0.3">
      <c r="C171" s="7">
        <v>84</v>
      </c>
      <c r="E171" s="9" t="s">
        <v>41</v>
      </c>
      <c r="F171" s="8"/>
      <c r="G171" s="9" t="s">
        <v>42</v>
      </c>
      <c r="H171" s="8"/>
      <c r="I171" s="9" t="s">
        <v>43</v>
      </c>
      <c r="J171" s="8"/>
      <c r="K171" s="9" t="s">
        <v>44</v>
      </c>
      <c r="L171" s="8"/>
      <c r="M171" s="9" t="s">
        <v>45</v>
      </c>
      <c r="N171" s="8"/>
      <c r="O171" s="9" t="s">
        <v>46</v>
      </c>
    </row>
    <row r="172" spans="3:15" ht="15.75" thickBot="1" x14ac:dyDescent="0.3"/>
    <row r="173" spans="3:15" ht="19.5" thickBot="1" x14ac:dyDescent="0.3">
      <c r="C173" s="7">
        <v>85</v>
      </c>
      <c r="E173" s="9" t="s">
        <v>41</v>
      </c>
      <c r="F173" s="8"/>
      <c r="G173" s="9" t="s">
        <v>42</v>
      </c>
      <c r="H173" s="8"/>
      <c r="I173" s="9" t="s">
        <v>43</v>
      </c>
      <c r="J173" s="8"/>
      <c r="K173" s="9" t="s">
        <v>44</v>
      </c>
      <c r="L173" s="8"/>
      <c r="M173" s="9" t="s">
        <v>45</v>
      </c>
      <c r="N173" s="8"/>
      <c r="O173" s="9" t="s">
        <v>46</v>
      </c>
    </row>
    <row r="174" spans="3:15" ht="15.75" thickBot="1" x14ac:dyDescent="0.3"/>
    <row r="175" spans="3:15" ht="19.5" thickBot="1" x14ac:dyDescent="0.3">
      <c r="C175" s="7">
        <v>86</v>
      </c>
      <c r="E175" s="9" t="s">
        <v>41</v>
      </c>
      <c r="F175" s="8"/>
      <c r="G175" s="9" t="s">
        <v>42</v>
      </c>
      <c r="H175" s="8"/>
      <c r="I175" s="9" t="s">
        <v>43</v>
      </c>
      <c r="J175" s="8"/>
      <c r="K175" s="9" t="s">
        <v>44</v>
      </c>
      <c r="L175" s="8"/>
      <c r="M175" s="9" t="s">
        <v>45</v>
      </c>
      <c r="N175" s="8"/>
      <c r="O175" s="9" t="s">
        <v>46</v>
      </c>
    </row>
    <row r="176" spans="3:15" ht="15.75" thickBot="1" x14ac:dyDescent="0.3"/>
    <row r="177" spans="3:15" ht="19.5" thickBot="1" x14ac:dyDescent="0.3">
      <c r="C177" s="7">
        <v>87</v>
      </c>
      <c r="E177" s="9" t="s">
        <v>41</v>
      </c>
      <c r="F177" s="8"/>
      <c r="G177" s="9" t="s">
        <v>42</v>
      </c>
      <c r="H177" s="8"/>
      <c r="I177" s="9" t="s">
        <v>43</v>
      </c>
      <c r="J177" s="8"/>
      <c r="K177" s="9" t="s">
        <v>44</v>
      </c>
      <c r="L177" s="8"/>
      <c r="M177" s="9" t="s">
        <v>45</v>
      </c>
      <c r="N177" s="8"/>
      <c r="O177" s="9" t="s">
        <v>46</v>
      </c>
    </row>
    <row r="178" spans="3:15" ht="15.75" thickBot="1" x14ac:dyDescent="0.3"/>
    <row r="179" spans="3:15" ht="19.5" thickBot="1" x14ac:dyDescent="0.3">
      <c r="C179" s="7">
        <v>88</v>
      </c>
      <c r="E179" s="9" t="s">
        <v>41</v>
      </c>
      <c r="F179" s="8"/>
      <c r="G179" s="9" t="s">
        <v>42</v>
      </c>
      <c r="H179" s="8"/>
      <c r="I179" s="9" t="s">
        <v>43</v>
      </c>
      <c r="J179" s="8"/>
      <c r="K179" s="9" t="s">
        <v>44</v>
      </c>
      <c r="L179" s="8"/>
      <c r="M179" s="9" t="s">
        <v>45</v>
      </c>
      <c r="N179" s="8"/>
      <c r="O179" s="9" t="s">
        <v>46</v>
      </c>
    </row>
    <row r="180" spans="3:15" ht="15.75" thickBot="1" x14ac:dyDescent="0.3"/>
    <row r="181" spans="3:15" ht="19.5" thickBot="1" x14ac:dyDescent="0.3">
      <c r="C181" s="7">
        <v>89</v>
      </c>
      <c r="E181" s="9" t="s">
        <v>41</v>
      </c>
      <c r="F181" s="8"/>
      <c r="G181" s="9" t="s">
        <v>42</v>
      </c>
      <c r="H181" s="8"/>
      <c r="I181" s="9" t="s">
        <v>43</v>
      </c>
      <c r="J181" s="8"/>
      <c r="K181" s="9" t="s">
        <v>44</v>
      </c>
      <c r="L181" s="8"/>
      <c r="M181" s="9" t="s">
        <v>45</v>
      </c>
      <c r="N181" s="8"/>
      <c r="O181" s="9" t="s">
        <v>46</v>
      </c>
    </row>
    <row r="182" spans="3:15" ht="15.75" thickBot="1" x14ac:dyDescent="0.3"/>
    <row r="183" spans="3:15" ht="19.5" thickBot="1" x14ac:dyDescent="0.3">
      <c r="C183" s="7">
        <v>90</v>
      </c>
      <c r="E183" s="9" t="s">
        <v>41</v>
      </c>
      <c r="F183" s="8"/>
      <c r="G183" s="9" t="s">
        <v>42</v>
      </c>
      <c r="H183" s="8"/>
      <c r="I183" s="9" t="s">
        <v>43</v>
      </c>
      <c r="J183" s="8"/>
      <c r="K183" s="9" t="s">
        <v>44</v>
      </c>
      <c r="L183" s="8"/>
      <c r="M183" s="9" t="s">
        <v>45</v>
      </c>
      <c r="N183" s="8"/>
      <c r="O183" s="9" t="s">
        <v>46</v>
      </c>
    </row>
    <row r="184" spans="3:15" ht="15.75" thickBot="1" x14ac:dyDescent="0.3"/>
    <row r="185" spans="3:15" ht="19.5" thickBot="1" x14ac:dyDescent="0.3">
      <c r="C185" s="7">
        <v>91</v>
      </c>
      <c r="E185" s="9" t="s">
        <v>41</v>
      </c>
      <c r="F185" s="8"/>
      <c r="G185" s="9" t="s">
        <v>42</v>
      </c>
      <c r="H185" s="8"/>
      <c r="I185" s="9" t="s">
        <v>43</v>
      </c>
      <c r="J185" s="8"/>
      <c r="K185" s="9" t="s">
        <v>44</v>
      </c>
      <c r="L185" s="8"/>
      <c r="M185" s="9" t="s">
        <v>45</v>
      </c>
      <c r="N185" s="8"/>
      <c r="O185" s="9" t="s">
        <v>46</v>
      </c>
    </row>
    <row r="186" spans="3:15" ht="15.75" thickBot="1" x14ac:dyDescent="0.3"/>
    <row r="187" spans="3:15" ht="19.5" thickBot="1" x14ac:dyDescent="0.3">
      <c r="C187" s="7">
        <v>92</v>
      </c>
      <c r="E187" s="9" t="s">
        <v>41</v>
      </c>
      <c r="F187" s="8"/>
      <c r="G187" s="9" t="s">
        <v>42</v>
      </c>
      <c r="H187" s="8"/>
      <c r="I187" s="9" t="s">
        <v>43</v>
      </c>
      <c r="J187" s="8"/>
      <c r="K187" s="9" t="s">
        <v>44</v>
      </c>
      <c r="L187" s="8"/>
      <c r="M187" s="9" t="s">
        <v>45</v>
      </c>
      <c r="N187" s="8"/>
      <c r="O187" s="9" t="s">
        <v>46</v>
      </c>
    </row>
    <row r="188" spans="3:15" ht="15.75" thickBot="1" x14ac:dyDescent="0.3"/>
    <row r="189" spans="3:15" ht="19.5" thickBot="1" x14ac:dyDescent="0.3">
      <c r="C189" s="7">
        <v>93</v>
      </c>
      <c r="E189" s="9" t="s">
        <v>41</v>
      </c>
      <c r="F189" s="8"/>
      <c r="G189" s="9" t="s">
        <v>42</v>
      </c>
      <c r="H189" s="8"/>
      <c r="I189" s="9" t="s">
        <v>43</v>
      </c>
      <c r="J189" s="8"/>
      <c r="K189" s="9" t="s">
        <v>44</v>
      </c>
      <c r="L189" s="8"/>
      <c r="M189" s="9" t="s">
        <v>45</v>
      </c>
      <c r="N189" s="8"/>
      <c r="O189" s="9" t="s">
        <v>46</v>
      </c>
    </row>
    <row r="190" spans="3:15" ht="15.75" thickBot="1" x14ac:dyDescent="0.3"/>
    <row r="191" spans="3:15" ht="19.5" thickBot="1" x14ac:dyDescent="0.3">
      <c r="C191" s="7">
        <v>94</v>
      </c>
      <c r="E191" s="9" t="s">
        <v>41</v>
      </c>
      <c r="F191" s="8"/>
      <c r="G191" s="9" t="s">
        <v>42</v>
      </c>
      <c r="H191" s="8"/>
      <c r="I191" s="9" t="s">
        <v>43</v>
      </c>
      <c r="J191" s="8"/>
      <c r="K191" s="9" t="s">
        <v>44</v>
      </c>
      <c r="L191" s="8"/>
      <c r="M191" s="9" t="s">
        <v>45</v>
      </c>
      <c r="N191" s="8"/>
      <c r="O191" s="9" t="s">
        <v>46</v>
      </c>
    </row>
    <row r="192" spans="3:15" ht="15.75" thickBot="1" x14ac:dyDescent="0.3"/>
    <row r="193" spans="3:15" ht="19.5" thickBot="1" x14ac:dyDescent="0.3">
      <c r="C193" s="7">
        <v>95</v>
      </c>
      <c r="E193" s="9" t="s">
        <v>41</v>
      </c>
      <c r="F193" s="8"/>
      <c r="G193" s="9" t="s">
        <v>42</v>
      </c>
      <c r="H193" s="8"/>
      <c r="I193" s="9" t="s">
        <v>43</v>
      </c>
      <c r="J193" s="8"/>
      <c r="K193" s="9" t="s">
        <v>44</v>
      </c>
      <c r="L193" s="8"/>
      <c r="M193" s="9" t="s">
        <v>45</v>
      </c>
      <c r="N193" s="8"/>
      <c r="O193" s="9" t="s">
        <v>46</v>
      </c>
    </row>
    <row r="194" spans="3:15" ht="15.75" thickBot="1" x14ac:dyDescent="0.3"/>
    <row r="195" spans="3:15" ht="19.5" thickBot="1" x14ac:dyDescent="0.3">
      <c r="C195" s="7">
        <v>96</v>
      </c>
      <c r="E195" s="9" t="s">
        <v>41</v>
      </c>
      <c r="F195" s="8"/>
      <c r="G195" s="9" t="s">
        <v>42</v>
      </c>
      <c r="H195" s="8"/>
      <c r="I195" s="9" t="s">
        <v>43</v>
      </c>
      <c r="J195" s="8"/>
      <c r="K195" s="9" t="s">
        <v>44</v>
      </c>
      <c r="L195" s="8"/>
      <c r="M195" s="9" t="s">
        <v>45</v>
      </c>
      <c r="N195" s="8"/>
      <c r="O195" s="9" t="s">
        <v>46</v>
      </c>
    </row>
    <row r="196" spans="3:15" ht="15.75" thickBot="1" x14ac:dyDescent="0.3"/>
    <row r="197" spans="3:15" ht="19.5" thickBot="1" x14ac:dyDescent="0.3">
      <c r="C197" s="7">
        <v>97</v>
      </c>
      <c r="E197" s="9" t="s">
        <v>41</v>
      </c>
      <c r="F197" s="8"/>
      <c r="G197" s="9" t="s">
        <v>42</v>
      </c>
      <c r="H197" s="8"/>
      <c r="I197" s="9" t="s">
        <v>43</v>
      </c>
      <c r="J197" s="8"/>
      <c r="K197" s="9" t="s">
        <v>44</v>
      </c>
      <c r="L197" s="8"/>
      <c r="M197" s="9" t="s">
        <v>45</v>
      </c>
      <c r="N197" s="8"/>
      <c r="O197" s="9" t="s">
        <v>46</v>
      </c>
    </row>
    <row r="198" spans="3:15" ht="15.75" thickBot="1" x14ac:dyDescent="0.3"/>
    <row r="199" spans="3:15" ht="19.5" thickBot="1" x14ac:dyDescent="0.3">
      <c r="C199" s="7">
        <v>98</v>
      </c>
      <c r="E199" s="9" t="s">
        <v>41</v>
      </c>
      <c r="F199" s="8"/>
      <c r="G199" s="9" t="s">
        <v>42</v>
      </c>
      <c r="H199" s="8"/>
      <c r="I199" s="9" t="s">
        <v>43</v>
      </c>
      <c r="J199" s="8"/>
      <c r="K199" s="9" t="s">
        <v>44</v>
      </c>
      <c r="L199" s="8"/>
      <c r="M199" s="9" t="s">
        <v>45</v>
      </c>
      <c r="N199" s="8"/>
      <c r="O199" s="9" t="s">
        <v>46</v>
      </c>
    </row>
    <row r="200" spans="3:15" ht="15.75" thickBot="1" x14ac:dyDescent="0.3"/>
    <row r="201" spans="3:15" ht="19.5" thickBot="1" x14ac:dyDescent="0.3">
      <c r="C201" s="7">
        <v>99</v>
      </c>
      <c r="E201" s="9" t="s">
        <v>41</v>
      </c>
      <c r="F201" s="8"/>
      <c r="G201" s="9" t="s">
        <v>42</v>
      </c>
      <c r="H201" s="8"/>
      <c r="I201" s="9" t="s">
        <v>43</v>
      </c>
      <c r="J201" s="8"/>
      <c r="K201" s="9" t="s">
        <v>44</v>
      </c>
      <c r="L201" s="8"/>
      <c r="M201" s="9" t="s">
        <v>45</v>
      </c>
      <c r="N201" s="8"/>
      <c r="O201" s="9" t="s">
        <v>46</v>
      </c>
    </row>
    <row r="202" spans="3:15" ht="15.75" thickBot="1" x14ac:dyDescent="0.3"/>
    <row r="203" spans="3:15" ht="19.5" thickBot="1" x14ac:dyDescent="0.3">
      <c r="C203" s="7">
        <v>100</v>
      </c>
      <c r="E203" s="9" t="s">
        <v>41</v>
      </c>
      <c r="F203" s="8"/>
      <c r="G203" s="9" t="s">
        <v>42</v>
      </c>
      <c r="H203" s="8"/>
      <c r="I203" s="9" t="s">
        <v>43</v>
      </c>
      <c r="J203" s="8"/>
      <c r="K203" s="9" t="s">
        <v>44</v>
      </c>
      <c r="L203" s="8"/>
      <c r="M203" s="9" t="s">
        <v>45</v>
      </c>
      <c r="N203" s="8"/>
      <c r="O203" s="9" t="s">
        <v>46</v>
      </c>
    </row>
  </sheetData>
  <sheetProtection password="E792" sheet="1" objects="1" scenarios="1"/>
  <protectedRanges>
    <protectedRange sqref="E5:O203" name="CertificationAndDocuments"/>
  </protectedRange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897211-832F-4C62-B4C5-FEE50E60FE1E}">
  <dimension ref="C2:L203"/>
  <sheetViews>
    <sheetView workbookViewId="0">
      <selection activeCell="K9" sqref="K9"/>
    </sheetView>
  </sheetViews>
  <sheetFormatPr defaultRowHeight="15" x14ac:dyDescent="0.25"/>
  <cols>
    <col min="1" max="1" width="9.140625" style="1"/>
    <col min="2" max="2" width="12.7109375" style="1" customWidth="1"/>
    <col min="3" max="3" width="7.28515625" style="1" customWidth="1"/>
    <col min="4" max="4" width="1.42578125" style="1" customWidth="1"/>
    <col min="5" max="5" width="81.7109375" style="1" customWidth="1"/>
    <col min="6" max="6" width="1.7109375" style="1" customWidth="1"/>
    <col min="7" max="7" width="33.42578125" style="1" customWidth="1"/>
    <col min="8" max="8" width="2.140625" style="1" customWidth="1"/>
    <col min="9" max="9" width="40.85546875" style="1" customWidth="1"/>
    <col min="10" max="10" width="2" style="5" customWidth="1"/>
    <col min="11" max="11" width="29.42578125" style="1" customWidth="1"/>
    <col min="12" max="12" width="2.28515625" style="5" customWidth="1"/>
    <col min="13" max="16384" width="9.140625" style="1"/>
  </cols>
  <sheetData>
    <row r="2" spans="3:12" ht="22.5" customHeight="1" x14ac:dyDescent="0.25"/>
    <row r="3" spans="3:12" ht="27.75" customHeight="1" x14ac:dyDescent="0.25">
      <c r="C3" s="3" t="s">
        <v>5</v>
      </c>
      <c r="E3" s="3" t="s">
        <v>47</v>
      </c>
      <c r="F3" s="4"/>
      <c r="G3" s="3" t="s">
        <v>48</v>
      </c>
      <c r="H3" s="4"/>
      <c r="I3" s="3" t="s">
        <v>49</v>
      </c>
      <c r="J3" s="6"/>
      <c r="K3" s="3" t="s">
        <v>50</v>
      </c>
      <c r="L3" s="6"/>
    </row>
    <row r="4" spans="3:12" ht="16.5" customHeight="1" thickBot="1" x14ac:dyDescent="0.3"/>
    <row r="5" spans="3:12" ht="26.25" customHeight="1" thickBot="1" x14ac:dyDescent="0.3">
      <c r="C5" s="7">
        <v>1</v>
      </c>
      <c r="E5" s="9" t="s">
        <v>47</v>
      </c>
      <c r="F5" s="8"/>
      <c r="G5" s="9" t="s">
        <v>48</v>
      </c>
      <c r="H5" s="8"/>
      <c r="I5" s="9" t="s">
        <v>49</v>
      </c>
      <c r="J5" s="8"/>
      <c r="K5" s="9" t="s">
        <v>50</v>
      </c>
      <c r="L5" s="8"/>
    </row>
    <row r="6" spans="3:12" ht="13.5" customHeight="1" thickBot="1" x14ac:dyDescent="0.3"/>
    <row r="7" spans="3:12" ht="26.25" customHeight="1" thickBot="1" x14ac:dyDescent="0.3">
      <c r="C7" s="7">
        <v>2</v>
      </c>
      <c r="E7" s="9" t="s">
        <v>47</v>
      </c>
      <c r="F7" s="8"/>
      <c r="G7" s="9" t="s">
        <v>48</v>
      </c>
      <c r="H7" s="8"/>
      <c r="I7" s="9" t="s">
        <v>49</v>
      </c>
      <c r="J7" s="8"/>
      <c r="K7" s="9" t="s">
        <v>50</v>
      </c>
      <c r="L7" s="8"/>
    </row>
    <row r="8" spans="3:12" ht="13.5" customHeight="1" thickBot="1" x14ac:dyDescent="0.3"/>
    <row r="9" spans="3:12" ht="19.5" thickBot="1" x14ac:dyDescent="0.3">
      <c r="C9" s="7">
        <v>3</v>
      </c>
      <c r="E9" s="9" t="s">
        <v>47</v>
      </c>
      <c r="F9" s="8"/>
      <c r="G9" s="9" t="s">
        <v>48</v>
      </c>
      <c r="H9" s="8"/>
      <c r="I9" s="9" t="s">
        <v>49</v>
      </c>
      <c r="J9" s="8"/>
      <c r="K9" s="9" t="s">
        <v>50</v>
      </c>
    </row>
    <row r="10" spans="3:12" ht="15.75" thickBot="1" x14ac:dyDescent="0.3"/>
    <row r="11" spans="3:12" ht="19.5" thickBot="1" x14ac:dyDescent="0.3">
      <c r="C11" s="7">
        <v>4</v>
      </c>
      <c r="E11" s="9" t="s">
        <v>47</v>
      </c>
      <c r="F11" s="8"/>
      <c r="G11" s="9" t="s">
        <v>48</v>
      </c>
      <c r="H11" s="8"/>
      <c r="I11" s="9" t="s">
        <v>49</v>
      </c>
      <c r="J11" s="8"/>
      <c r="K11" s="9" t="s">
        <v>50</v>
      </c>
    </row>
    <row r="12" spans="3:12" ht="15.75" thickBot="1" x14ac:dyDescent="0.3"/>
    <row r="13" spans="3:12" ht="19.5" thickBot="1" x14ac:dyDescent="0.3">
      <c r="C13" s="7">
        <v>5</v>
      </c>
      <c r="E13" s="9" t="s">
        <v>47</v>
      </c>
      <c r="F13" s="8"/>
      <c r="G13" s="9" t="s">
        <v>48</v>
      </c>
      <c r="H13" s="8"/>
      <c r="I13" s="9" t="s">
        <v>49</v>
      </c>
      <c r="J13" s="8"/>
      <c r="K13" s="9" t="s">
        <v>50</v>
      </c>
    </row>
    <row r="14" spans="3:12" ht="15.75" thickBot="1" x14ac:dyDescent="0.3"/>
    <row r="15" spans="3:12" ht="19.5" thickBot="1" x14ac:dyDescent="0.3">
      <c r="C15" s="7">
        <v>6</v>
      </c>
      <c r="E15" s="9" t="s">
        <v>47</v>
      </c>
      <c r="F15" s="8"/>
      <c r="G15" s="9" t="s">
        <v>48</v>
      </c>
      <c r="H15" s="8"/>
      <c r="I15" s="9" t="s">
        <v>49</v>
      </c>
      <c r="J15" s="8"/>
      <c r="K15" s="9" t="s">
        <v>50</v>
      </c>
    </row>
    <row r="16" spans="3:12" ht="15.75" thickBot="1" x14ac:dyDescent="0.3"/>
    <row r="17" spans="3:11" ht="19.5" thickBot="1" x14ac:dyDescent="0.3">
      <c r="C17" s="7">
        <v>7</v>
      </c>
      <c r="E17" s="9" t="s">
        <v>47</v>
      </c>
      <c r="F17" s="8"/>
      <c r="G17" s="9" t="s">
        <v>48</v>
      </c>
      <c r="H17" s="8"/>
      <c r="I17" s="9" t="s">
        <v>49</v>
      </c>
      <c r="J17" s="8"/>
      <c r="K17" s="9" t="s">
        <v>50</v>
      </c>
    </row>
    <row r="18" spans="3:11" ht="15.75" thickBot="1" x14ac:dyDescent="0.3"/>
    <row r="19" spans="3:11" ht="19.5" thickBot="1" x14ac:dyDescent="0.3">
      <c r="C19" s="7">
        <v>8</v>
      </c>
      <c r="E19" s="9" t="s">
        <v>47</v>
      </c>
      <c r="F19" s="8"/>
      <c r="G19" s="9" t="s">
        <v>48</v>
      </c>
      <c r="H19" s="8"/>
      <c r="I19" s="9" t="s">
        <v>49</v>
      </c>
      <c r="J19" s="8"/>
      <c r="K19" s="9" t="s">
        <v>50</v>
      </c>
    </row>
    <row r="20" spans="3:11" ht="15.75" thickBot="1" x14ac:dyDescent="0.3"/>
    <row r="21" spans="3:11" ht="19.5" thickBot="1" x14ac:dyDescent="0.3">
      <c r="C21" s="7">
        <v>9</v>
      </c>
      <c r="E21" s="9" t="s">
        <v>47</v>
      </c>
      <c r="F21" s="8"/>
      <c r="G21" s="9" t="s">
        <v>48</v>
      </c>
      <c r="H21" s="8"/>
      <c r="I21" s="9" t="s">
        <v>49</v>
      </c>
      <c r="J21" s="8"/>
      <c r="K21" s="9" t="s">
        <v>50</v>
      </c>
    </row>
    <row r="22" spans="3:11" ht="15.75" thickBot="1" x14ac:dyDescent="0.3"/>
    <row r="23" spans="3:11" ht="19.5" thickBot="1" x14ac:dyDescent="0.3">
      <c r="C23" s="7">
        <v>10</v>
      </c>
      <c r="E23" s="9" t="s">
        <v>47</v>
      </c>
      <c r="F23" s="8"/>
      <c r="G23" s="9" t="s">
        <v>48</v>
      </c>
      <c r="H23" s="8"/>
      <c r="I23" s="9" t="s">
        <v>49</v>
      </c>
      <c r="J23" s="8"/>
      <c r="K23" s="9" t="s">
        <v>50</v>
      </c>
    </row>
    <row r="24" spans="3:11" ht="15.75" thickBot="1" x14ac:dyDescent="0.3"/>
    <row r="25" spans="3:11" ht="19.5" thickBot="1" x14ac:dyDescent="0.3">
      <c r="C25" s="7">
        <v>11</v>
      </c>
      <c r="E25" s="9" t="s">
        <v>47</v>
      </c>
      <c r="F25" s="8"/>
      <c r="G25" s="9" t="s">
        <v>48</v>
      </c>
      <c r="H25" s="8"/>
      <c r="I25" s="9" t="s">
        <v>49</v>
      </c>
      <c r="J25" s="8"/>
      <c r="K25" s="9" t="s">
        <v>50</v>
      </c>
    </row>
    <row r="26" spans="3:11" ht="15.75" thickBot="1" x14ac:dyDescent="0.3"/>
    <row r="27" spans="3:11" ht="19.5" thickBot="1" x14ac:dyDescent="0.3">
      <c r="C27" s="7">
        <v>12</v>
      </c>
      <c r="E27" s="9" t="s">
        <v>47</v>
      </c>
      <c r="F27" s="8"/>
      <c r="G27" s="9" t="s">
        <v>48</v>
      </c>
      <c r="H27" s="8"/>
      <c r="I27" s="9" t="s">
        <v>49</v>
      </c>
      <c r="J27" s="8"/>
      <c r="K27" s="9" t="s">
        <v>50</v>
      </c>
    </row>
    <row r="28" spans="3:11" ht="15.75" thickBot="1" x14ac:dyDescent="0.3"/>
    <row r="29" spans="3:11" ht="19.5" thickBot="1" x14ac:dyDescent="0.3">
      <c r="C29" s="7">
        <v>13</v>
      </c>
      <c r="E29" s="9" t="s">
        <v>47</v>
      </c>
      <c r="F29" s="8"/>
      <c r="G29" s="9" t="s">
        <v>48</v>
      </c>
      <c r="H29" s="8"/>
      <c r="I29" s="9" t="s">
        <v>49</v>
      </c>
      <c r="J29" s="8"/>
      <c r="K29" s="9" t="s">
        <v>50</v>
      </c>
    </row>
    <row r="30" spans="3:11" ht="15.75" thickBot="1" x14ac:dyDescent="0.3"/>
    <row r="31" spans="3:11" ht="19.5" thickBot="1" x14ac:dyDescent="0.3">
      <c r="C31" s="7">
        <v>14</v>
      </c>
      <c r="E31" s="9" t="s">
        <v>47</v>
      </c>
      <c r="F31" s="8"/>
      <c r="G31" s="9" t="s">
        <v>48</v>
      </c>
      <c r="H31" s="8"/>
      <c r="I31" s="9" t="s">
        <v>49</v>
      </c>
      <c r="J31" s="8"/>
      <c r="K31" s="9" t="s">
        <v>50</v>
      </c>
    </row>
    <row r="32" spans="3:11" ht="15.75" thickBot="1" x14ac:dyDescent="0.3"/>
    <row r="33" spans="3:11" ht="19.5" thickBot="1" x14ac:dyDescent="0.3">
      <c r="C33" s="7">
        <v>15</v>
      </c>
      <c r="E33" s="9" t="s">
        <v>47</v>
      </c>
      <c r="F33" s="8"/>
      <c r="G33" s="9" t="s">
        <v>48</v>
      </c>
      <c r="H33" s="8"/>
      <c r="I33" s="9" t="s">
        <v>49</v>
      </c>
      <c r="J33" s="8"/>
      <c r="K33" s="9" t="s">
        <v>50</v>
      </c>
    </row>
    <row r="34" spans="3:11" ht="15.75" thickBot="1" x14ac:dyDescent="0.3"/>
    <row r="35" spans="3:11" ht="19.5" thickBot="1" x14ac:dyDescent="0.3">
      <c r="C35" s="7">
        <v>16</v>
      </c>
      <c r="E35" s="9" t="s">
        <v>47</v>
      </c>
      <c r="F35" s="8"/>
      <c r="G35" s="9" t="s">
        <v>48</v>
      </c>
      <c r="H35" s="8"/>
      <c r="I35" s="9" t="s">
        <v>49</v>
      </c>
      <c r="J35" s="8"/>
      <c r="K35" s="9" t="s">
        <v>50</v>
      </c>
    </row>
    <row r="36" spans="3:11" ht="15.75" thickBot="1" x14ac:dyDescent="0.3"/>
    <row r="37" spans="3:11" ht="19.5" thickBot="1" x14ac:dyDescent="0.3">
      <c r="C37" s="7">
        <v>17</v>
      </c>
      <c r="E37" s="9" t="s">
        <v>47</v>
      </c>
      <c r="F37" s="8"/>
      <c r="G37" s="9" t="s">
        <v>48</v>
      </c>
      <c r="H37" s="8"/>
      <c r="I37" s="9" t="s">
        <v>49</v>
      </c>
      <c r="J37" s="8"/>
      <c r="K37" s="9" t="s">
        <v>50</v>
      </c>
    </row>
    <row r="38" spans="3:11" ht="15.75" thickBot="1" x14ac:dyDescent="0.3"/>
    <row r="39" spans="3:11" ht="19.5" thickBot="1" x14ac:dyDescent="0.3">
      <c r="C39" s="7">
        <v>18</v>
      </c>
      <c r="E39" s="9" t="s">
        <v>47</v>
      </c>
      <c r="F39" s="8"/>
      <c r="G39" s="9" t="s">
        <v>48</v>
      </c>
      <c r="H39" s="8"/>
      <c r="I39" s="9" t="s">
        <v>49</v>
      </c>
      <c r="J39" s="8"/>
      <c r="K39" s="9" t="s">
        <v>50</v>
      </c>
    </row>
    <row r="40" spans="3:11" ht="15.75" thickBot="1" x14ac:dyDescent="0.3"/>
    <row r="41" spans="3:11" ht="19.5" thickBot="1" x14ac:dyDescent="0.3">
      <c r="C41" s="7">
        <v>19</v>
      </c>
      <c r="E41" s="9" t="s">
        <v>47</v>
      </c>
      <c r="F41" s="8"/>
      <c r="G41" s="9" t="s">
        <v>48</v>
      </c>
      <c r="H41" s="8"/>
      <c r="I41" s="9" t="s">
        <v>49</v>
      </c>
      <c r="J41" s="8"/>
      <c r="K41" s="9" t="s">
        <v>50</v>
      </c>
    </row>
    <row r="42" spans="3:11" ht="15.75" thickBot="1" x14ac:dyDescent="0.3"/>
    <row r="43" spans="3:11" ht="19.5" thickBot="1" x14ac:dyDescent="0.3">
      <c r="C43" s="7">
        <v>20</v>
      </c>
      <c r="E43" s="9" t="s">
        <v>47</v>
      </c>
      <c r="F43" s="8"/>
      <c r="G43" s="9" t="s">
        <v>48</v>
      </c>
      <c r="H43" s="8"/>
      <c r="I43" s="9" t="s">
        <v>49</v>
      </c>
      <c r="J43" s="8"/>
      <c r="K43" s="9" t="s">
        <v>50</v>
      </c>
    </row>
    <row r="44" spans="3:11" ht="15.75" thickBot="1" x14ac:dyDescent="0.3"/>
    <row r="45" spans="3:11" ht="19.5" thickBot="1" x14ac:dyDescent="0.3">
      <c r="C45" s="7">
        <v>21</v>
      </c>
      <c r="E45" s="9" t="s">
        <v>47</v>
      </c>
      <c r="F45" s="8"/>
      <c r="G45" s="9" t="s">
        <v>48</v>
      </c>
      <c r="H45" s="8"/>
      <c r="I45" s="9" t="s">
        <v>49</v>
      </c>
      <c r="J45" s="8"/>
      <c r="K45" s="9" t="s">
        <v>50</v>
      </c>
    </row>
    <row r="46" spans="3:11" ht="15.75" thickBot="1" x14ac:dyDescent="0.3"/>
    <row r="47" spans="3:11" ht="19.5" thickBot="1" x14ac:dyDescent="0.3">
      <c r="C47" s="7">
        <v>22</v>
      </c>
      <c r="E47" s="9" t="s">
        <v>47</v>
      </c>
      <c r="F47" s="8"/>
      <c r="G47" s="9" t="s">
        <v>48</v>
      </c>
      <c r="H47" s="8"/>
      <c r="I47" s="9" t="s">
        <v>49</v>
      </c>
      <c r="J47" s="8"/>
      <c r="K47" s="9" t="s">
        <v>50</v>
      </c>
    </row>
    <row r="48" spans="3:11" ht="15.75" thickBot="1" x14ac:dyDescent="0.3"/>
    <row r="49" spans="3:11" ht="19.5" thickBot="1" x14ac:dyDescent="0.3">
      <c r="C49" s="7">
        <v>23</v>
      </c>
      <c r="E49" s="9" t="s">
        <v>47</v>
      </c>
      <c r="F49" s="8"/>
      <c r="G49" s="9" t="s">
        <v>48</v>
      </c>
      <c r="H49" s="8"/>
      <c r="I49" s="9" t="s">
        <v>49</v>
      </c>
      <c r="J49" s="8"/>
      <c r="K49" s="9" t="s">
        <v>50</v>
      </c>
    </row>
    <row r="50" spans="3:11" ht="15.75" thickBot="1" x14ac:dyDescent="0.3"/>
    <row r="51" spans="3:11" ht="19.5" thickBot="1" x14ac:dyDescent="0.3">
      <c r="C51" s="7">
        <v>24</v>
      </c>
      <c r="E51" s="9" t="s">
        <v>47</v>
      </c>
      <c r="F51" s="8"/>
      <c r="G51" s="9" t="s">
        <v>48</v>
      </c>
      <c r="H51" s="8"/>
      <c r="I51" s="9" t="s">
        <v>49</v>
      </c>
      <c r="J51" s="8"/>
      <c r="K51" s="9" t="s">
        <v>50</v>
      </c>
    </row>
    <row r="52" spans="3:11" ht="15.75" thickBot="1" x14ac:dyDescent="0.3"/>
    <row r="53" spans="3:11" ht="19.5" thickBot="1" x14ac:dyDescent="0.3">
      <c r="C53" s="7">
        <v>25</v>
      </c>
      <c r="E53" s="9" t="s">
        <v>47</v>
      </c>
      <c r="F53" s="8"/>
      <c r="G53" s="9" t="s">
        <v>48</v>
      </c>
      <c r="H53" s="8"/>
      <c r="I53" s="9" t="s">
        <v>49</v>
      </c>
      <c r="J53" s="8"/>
      <c r="K53" s="9" t="s">
        <v>50</v>
      </c>
    </row>
    <row r="54" spans="3:11" ht="15.75" thickBot="1" x14ac:dyDescent="0.3"/>
    <row r="55" spans="3:11" ht="19.5" thickBot="1" x14ac:dyDescent="0.3">
      <c r="C55" s="7">
        <v>26</v>
      </c>
      <c r="E55" s="9" t="s">
        <v>47</v>
      </c>
      <c r="F55" s="8"/>
      <c r="G55" s="9" t="s">
        <v>48</v>
      </c>
      <c r="H55" s="8"/>
      <c r="I55" s="9" t="s">
        <v>49</v>
      </c>
      <c r="J55" s="8"/>
      <c r="K55" s="9" t="s">
        <v>50</v>
      </c>
    </row>
    <row r="56" spans="3:11" ht="15.75" thickBot="1" x14ac:dyDescent="0.3"/>
    <row r="57" spans="3:11" ht="19.5" thickBot="1" x14ac:dyDescent="0.3">
      <c r="C57" s="7">
        <v>27</v>
      </c>
      <c r="E57" s="9" t="s">
        <v>47</v>
      </c>
      <c r="F57" s="8"/>
      <c r="G57" s="9" t="s">
        <v>48</v>
      </c>
      <c r="H57" s="8"/>
      <c r="I57" s="9" t="s">
        <v>49</v>
      </c>
      <c r="J57" s="8"/>
      <c r="K57" s="9" t="s">
        <v>50</v>
      </c>
    </row>
    <row r="58" spans="3:11" ht="15.75" thickBot="1" x14ac:dyDescent="0.3"/>
    <row r="59" spans="3:11" ht="19.5" thickBot="1" x14ac:dyDescent="0.3">
      <c r="C59" s="7">
        <v>28</v>
      </c>
      <c r="E59" s="9" t="s">
        <v>47</v>
      </c>
      <c r="F59" s="8"/>
      <c r="G59" s="9" t="s">
        <v>48</v>
      </c>
      <c r="H59" s="8"/>
      <c r="I59" s="9" t="s">
        <v>49</v>
      </c>
      <c r="J59" s="8"/>
      <c r="K59" s="9" t="s">
        <v>50</v>
      </c>
    </row>
    <row r="60" spans="3:11" ht="15.75" thickBot="1" x14ac:dyDescent="0.3"/>
    <row r="61" spans="3:11" ht="19.5" thickBot="1" x14ac:dyDescent="0.3">
      <c r="C61" s="7">
        <v>29</v>
      </c>
      <c r="E61" s="9" t="s">
        <v>47</v>
      </c>
      <c r="F61" s="8"/>
      <c r="G61" s="9" t="s">
        <v>48</v>
      </c>
      <c r="H61" s="8"/>
      <c r="I61" s="9" t="s">
        <v>49</v>
      </c>
      <c r="J61" s="8"/>
      <c r="K61" s="9" t="s">
        <v>50</v>
      </c>
    </row>
    <row r="62" spans="3:11" ht="15.75" thickBot="1" x14ac:dyDescent="0.3"/>
    <row r="63" spans="3:11" ht="19.5" thickBot="1" x14ac:dyDescent="0.3">
      <c r="C63" s="7">
        <v>30</v>
      </c>
      <c r="E63" s="9" t="s">
        <v>47</v>
      </c>
      <c r="F63" s="8"/>
      <c r="G63" s="9" t="s">
        <v>48</v>
      </c>
      <c r="H63" s="8"/>
      <c r="I63" s="9" t="s">
        <v>49</v>
      </c>
      <c r="J63" s="8"/>
      <c r="K63" s="9" t="s">
        <v>50</v>
      </c>
    </row>
    <row r="64" spans="3:11" ht="15.75" thickBot="1" x14ac:dyDescent="0.3"/>
    <row r="65" spans="3:11" ht="19.5" thickBot="1" x14ac:dyDescent="0.3">
      <c r="C65" s="7">
        <v>31</v>
      </c>
      <c r="E65" s="9" t="s">
        <v>47</v>
      </c>
      <c r="F65" s="8"/>
      <c r="G65" s="9" t="s">
        <v>48</v>
      </c>
      <c r="H65" s="8"/>
      <c r="I65" s="9" t="s">
        <v>49</v>
      </c>
      <c r="J65" s="8"/>
      <c r="K65" s="9" t="s">
        <v>50</v>
      </c>
    </row>
    <row r="66" spans="3:11" ht="15.75" thickBot="1" x14ac:dyDescent="0.3"/>
    <row r="67" spans="3:11" ht="19.5" thickBot="1" x14ac:dyDescent="0.3">
      <c r="C67" s="7">
        <v>32</v>
      </c>
      <c r="E67" s="9" t="s">
        <v>47</v>
      </c>
      <c r="F67" s="8"/>
      <c r="G67" s="9" t="s">
        <v>48</v>
      </c>
      <c r="H67" s="8"/>
      <c r="I67" s="9" t="s">
        <v>49</v>
      </c>
      <c r="J67" s="8"/>
      <c r="K67" s="9" t="s">
        <v>50</v>
      </c>
    </row>
    <row r="68" spans="3:11" ht="15.75" thickBot="1" x14ac:dyDescent="0.3"/>
    <row r="69" spans="3:11" ht="19.5" thickBot="1" x14ac:dyDescent="0.3">
      <c r="C69" s="7">
        <v>33</v>
      </c>
      <c r="E69" s="9" t="s">
        <v>47</v>
      </c>
      <c r="F69" s="8"/>
      <c r="G69" s="9" t="s">
        <v>48</v>
      </c>
      <c r="H69" s="8"/>
      <c r="I69" s="9" t="s">
        <v>49</v>
      </c>
      <c r="J69" s="8"/>
      <c r="K69" s="9" t="s">
        <v>50</v>
      </c>
    </row>
    <row r="70" spans="3:11" ht="15.75" thickBot="1" x14ac:dyDescent="0.3"/>
    <row r="71" spans="3:11" ht="19.5" thickBot="1" x14ac:dyDescent="0.3">
      <c r="C71" s="7">
        <v>34</v>
      </c>
      <c r="E71" s="9" t="s">
        <v>47</v>
      </c>
      <c r="F71" s="8"/>
      <c r="G71" s="9" t="s">
        <v>48</v>
      </c>
      <c r="H71" s="8"/>
      <c r="I71" s="9" t="s">
        <v>49</v>
      </c>
      <c r="J71" s="8"/>
      <c r="K71" s="9" t="s">
        <v>50</v>
      </c>
    </row>
    <row r="72" spans="3:11" ht="15.75" thickBot="1" x14ac:dyDescent="0.3"/>
    <row r="73" spans="3:11" ht="19.5" thickBot="1" x14ac:dyDescent="0.3">
      <c r="C73" s="7">
        <v>35</v>
      </c>
      <c r="E73" s="9" t="s">
        <v>47</v>
      </c>
      <c r="F73" s="8"/>
      <c r="G73" s="9" t="s">
        <v>48</v>
      </c>
      <c r="H73" s="8"/>
      <c r="I73" s="9" t="s">
        <v>49</v>
      </c>
      <c r="J73" s="8"/>
      <c r="K73" s="9" t="s">
        <v>50</v>
      </c>
    </row>
    <row r="74" spans="3:11" ht="15.75" thickBot="1" x14ac:dyDescent="0.3"/>
    <row r="75" spans="3:11" ht="19.5" thickBot="1" x14ac:dyDescent="0.3">
      <c r="C75" s="7">
        <v>36</v>
      </c>
      <c r="E75" s="9" t="s">
        <v>47</v>
      </c>
      <c r="F75" s="8"/>
      <c r="G75" s="9" t="s">
        <v>48</v>
      </c>
      <c r="H75" s="8"/>
      <c r="I75" s="9" t="s">
        <v>49</v>
      </c>
      <c r="J75" s="8"/>
      <c r="K75" s="9" t="s">
        <v>50</v>
      </c>
    </row>
    <row r="76" spans="3:11" ht="15.75" thickBot="1" x14ac:dyDescent="0.3"/>
    <row r="77" spans="3:11" ht="19.5" thickBot="1" x14ac:dyDescent="0.3">
      <c r="C77" s="7">
        <v>37</v>
      </c>
      <c r="E77" s="9" t="s">
        <v>47</v>
      </c>
      <c r="F77" s="8"/>
      <c r="G77" s="9" t="s">
        <v>48</v>
      </c>
      <c r="H77" s="8"/>
      <c r="I77" s="9" t="s">
        <v>49</v>
      </c>
      <c r="J77" s="8"/>
      <c r="K77" s="9" t="s">
        <v>50</v>
      </c>
    </row>
    <row r="78" spans="3:11" ht="15.75" thickBot="1" x14ac:dyDescent="0.3"/>
    <row r="79" spans="3:11" ht="19.5" thickBot="1" x14ac:dyDescent="0.3">
      <c r="C79" s="7">
        <v>38</v>
      </c>
      <c r="E79" s="9" t="s">
        <v>47</v>
      </c>
      <c r="F79" s="8"/>
      <c r="G79" s="9" t="s">
        <v>48</v>
      </c>
      <c r="H79" s="8"/>
      <c r="I79" s="9" t="s">
        <v>49</v>
      </c>
      <c r="J79" s="8"/>
      <c r="K79" s="9" t="s">
        <v>50</v>
      </c>
    </row>
    <row r="80" spans="3:11" ht="15.75" thickBot="1" x14ac:dyDescent="0.3"/>
    <row r="81" spans="3:11" ht="19.5" thickBot="1" x14ac:dyDescent="0.3">
      <c r="C81" s="7">
        <v>39</v>
      </c>
      <c r="E81" s="9" t="s">
        <v>47</v>
      </c>
      <c r="F81" s="8"/>
      <c r="G81" s="9" t="s">
        <v>48</v>
      </c>
      <c r="H81" s="8"/>
      <c r="I81" s="9" t="s">
        <v>49</v>
      </c>
      <c r="J81" s="8"/>
      <c r="K81" s="9" t="s">
        <v>50</v>
      </c>
    </row>
    <row r="82" spans="3:11" ht="15.75" thickBot="1" x14ac:dyDescent="0.3"/>
    <row r="83" spans="3:11" ht="19.5" thickBot="1" x14ac:dyDescent="0.3">
      <c r="C83" s="7">
        <v>40</v>
      </c>
      <c r="E83" s="9" t="s">
        <v>47</v>
      </c>
      <c r="F83" s="8"/>
      <c r="G83" s="9" t="s">
        <v>48</v>
      </c>
      <c r="H83" s="8"/>
      <c r="I83" s="9" t="s">
        <v>49</v>
      </c>
      <c r="J83" s="8"/>
      <c r="K83" s="9" t="s">
        <v>50</v>
      </c>
    </row>
    <row r="84" spans="3:11" ht="15.75" thickBot="1" x14ac:dyDescent="0.3"/>
    <row r="85" spans="3:11" ht="19.5" thickBot="1" x14ac:dyDescent="0.3">
      <c r="C85" s="7">
        <v>41</v>
      </c>
      <c r="E85" s="9" t="s">
        <v>47</v>
      </c>
      <c r="F85" s="8"/>
      <c r="G85" s="9" t="s">
        <v>48</v>
      </c>
      <c r="H85" s="8"/>
      <c r="I85" s="9" t="s">
        <v>49</v>
      </c>
      <c r="J85" s="8"/>
      <c r="K85" s="9" t="s">
        <v>50</v>
      </c>
    </row>
    <row r="86" spans="3:11" ht="15.75" thickBot="1" x14ac:dyDescent="0.3"/>
    <row r="87" spans="3:11" ht="19.5" thickBot="1" x14ac:dyDescent="0.3">
      <c r="C87" s="7">
        <v>42</v>
      </c>
      <c r="E87" s="9" t="s">
        <v>47</v>
      </c>
      <c r="F87" s="8"/>
      <c r="G87" s="9" t="s">
        <v>48</v>
      </c>
      <c r="H87" s="8"/>
      <c r="I87" s="9" t="s">
        <v>49</v>
      </c>
      <c r="J87" s="8"/>
      <c r="K87" s="9" t="s">
        <v>50</v>
      </c>
    </row>
    <row r="88" spans="3:11" ht="15.75" thickBot="1" x14ac:dyDescent="0.3"/>
    <row r="89" spans="3:11" ht="19.5" thickBot="1" x14ac:dyDescent="0.3">
      <c r="C89" s="7">
        <v>43</v>
      </c>
      <c r="E89" s="9" t="s">
        <v>47</v>
      </c>
      <c r="F89" s="8"/>
      <c r="G89" s="9" t="s">
        <v>48</v>
      </c>
      <c r="H89" s="8"/>
      <c r="I89" s="9" t="s">
        <v>49</v>
      </c>
      <c r="J89" s="8"/>
      <c r="K89" s="9" t="s">
        <v>50</v>
      </c>
    </row>
    <row r="90" spans="3:11" ht="15.75" thickBot="1" x14ac:dyDescent="0.3"/>
    <row r="91" spans="3:11" ht="19.5" thickBot="1" x14ac:dyDescent="0.3">
      <c r="C91" s="7">
        <v>44</v>
      </c>
      <c r="E91" s="9" t="s">
        <v>47</v>
      </c>
      <c r="F91" s="8"/>
      <c r="G91" s="9" t="s">
        <v>48</v>
      </c>
      <c r="H91" s="8"/>
      <c r="I91" s="9" t="s">
        <v>49</v>
      </c>
      <c r="J91" s="8"/>
      <c r="K91" s="9" t="s">
        <v>50</v>
      </c>
    </row>
    <row r="92" spans="3:11" ht="15.75" thickBot="1" x14ac:dyDescent="0.3"/>
    <row r="93" spans="3:11" ht="19.5" thickBot="1" x14ac:dyDescent="0.3">
      <c r="C93" s="7">
        <v>45</v>
      </c>
      <c r="E93" s="9" t="s">
        <v>47</v>
      </c>
      <c r="F93" s="8"/>
      <c r="G93" s="9" t="s">
        <v>48</v>
      </c>
      <c r="H93" s="8"/>
      <c r="I93" s="9" t="s">
        <v>49</v>
      </c>
      <c r="J93" s="8"/>
      <c r="K93" s="9" t="s">
        <v>50</v>
      </c>
    </row>
    <row r="94" spans="3:11" ht="15.75" thickBot="1" x14ac:dyDescent="0.3"/>
    <row r="95" spans="3:11" ht="19.5" thickBot="1" x14ac:dyDescent="0.3">
      <c r="C95" s="7">
        <v>46</v>
      </c>
      <c r="E95" s="9" t="s">
        <v>47</v>
      </c>
      <c r="F95" s="8"/>
      <c r="G95" s="9" t="s">
        <v>48</v>
      </c>
      <c r="H95" s="8"/>
      <c r="I95" s="9" t="s">
        <v>49</v>
      </c>
      <c r="J95" s="8"/>
      <c r="K95" s="9" t="s">
        <v>50</v>
      </c>
    </row>
    <row r="96" spans="3:11" ht="15.75" thickBot="1" x14ac:dyDescent="0.3"/>
    <row r="97" spans="3:11" ht="19.5" thickBot="1" x14ac:dyDescent="0.3">
      <c r="C97" s="7">
        <v>47</v>
      </c>
      <c r="E97" s="9" t="s">
        <v>47</v>
      </c>
      <c r="F97" s="8"/>
      <c r="G97" s="9" t="s">
        <v>48</v>
      </c>
      <c r="H97" s="8"/>
      <c r="I97" s="9" t="s">
        <v>49</v>
      </c>
      <c r="J97" s="8"/>
      <c r="K97" s="9" t="s">
        <v>50</v>
      </c>
    </row>
    <row r="98" spans="3:11" ht="15.75" thickBot="1" x14ac:dyDescent="0.3"/>
    <row r="99" spans="3:11" ht="19.5" thickBot="1" x14ac:dyDescent="0.3">
      <c r="C99" s="7">
        <v>48</v>
      </c>
      <c r="E99" s="9" t="s">
        <v>47</v>
      </c>
      <c r="F99" s="8"/>
      <c r="G99" s="9" t="s">
        <v>48</v>
      </c>
      <c r="H99" s="8"/>
      <c r="I99" s="9" t="s">
        <v>49</v>
      </c>
      <c r="J99" s="8"/>
      <c r="K99" s="9" t="s">
        <v>50</v>
      </c>
    </row>
    <row r="100" spans="3:11" ht="15.75" thickBot="1" x14ac:dyDescent="0.3"/>
    <row r="101" spans="3:11" ht="19.5" thickBot="1" x14ac:dyDescent="0.3">
      <c r="C101" s="7">
        <v>49</v>
      </c>
      <c r="E101" s="9" t="s">
        <v>47</v>
      </c>
      <c r="F101" s="8"/>
      <c r="G101" s="9" t="s">
        <v>48</v>
      </c>
      <c r="H101" s="8"/>
      <c r="I101" s="9" t="s">
        <v>49</v>
      </c>
      <c r="J101" s="8"/>
      <c r="K101" s="9" t="s">
        <v>50</v>
      </c>
    </row>
    <row r="102" spans="3:11" ht="15.75" thickBot="1" x14ac:dyDescent="0.3"/>
    <row r="103" spans="3:11" ht="19.5" thickBot="1" x14ac:dyDescent="0.3">
      <c r="C103" s="7">
        <v>50</v>
      </c>
      <c r="E103" s="9" t="s">
        <v>47</v>
      </c>
      <c r="F103" s="8"/>
      <c r="G103" s="9" t="s">
        <v>48</v>
      </c>
      <c r="H103" s="8"/>
      <c r="I103" s="9" t="s">
        <v>49</v>
      </c>
      <c r="J103" s="8"/>
      <c r="K103" s="9" t="s">
        <v>50</v>
      </c>
    </row>
    <row r="104" spans="3:11" ht="15.75" thickBot="1" x14ac:dyDescent="0.3"/>
    <row r="105" spans="3:11" ht="19.5" thickBot="1" x14ac:dyDescent="0.3">
      <c r="C105" s="7">
        <v>51</v>
      </c>
      <c r="E105" s="9" t="s">
        <v>47</v>
      </c>
      <c r="F105" s="8"/>
      <c r="G105" s="9" t="s">
        <v>48</v>
      </c>
      <c r="H105" s="8"/>
      <c r="I105" s="9" t="s">
        <v>49</v>
      </c>
      <c r="J105" s="8"/>
      <c r="K105" s="9" t="s">
        <v>50</v>
      </c>
    </row>
    <row r="106" spans="3:11" ht="15.75" thickBot="1" x14ac:dyDescent="0.3"/>
    <row r="107" spans="3:11" ht="19.5" thickBot="1" x14ac:dyDescent="0.3">
      <c r="C107" s="7">
        <v>52</v>
      </c>
      <c r="E107" s="9" t="s">
        <v>47</v>
      </c>
      <c r="F107" s="8"/>
      <c r="G107" s="9" t="s">
        <v>48</v>
      </c>
      <c r="H107" s="8"/>
      <c r="I107" s="9" t="s">
        <v>49</v>
      </c>
      <c r="J107" s="8"/>
      <c r="K107" s="9" t="s">
        <v>50</v>
      </c>
    </row>
    <row r="108" spans="3:11" ht="15.75" thickBot="1" x14ac:dyDescent="0.3"/>
    <row r="109" spans="3:11" ht="19.5" thickBot="1" x14ac:dyDescent="0.3">
      <c r="C109" s="7">
        <v>53</v>
      </c>
      <c r="E109" s="9" t="s">
        <v>47</v>
      </c>
      <c r="F109" s="8"/>
      <c r="G109" s="9" t="s">
        <v>48</v>
      </c>
      <c r="H109" s="8"/>
      <c r="I109" s="9" t="s">
        <v>49</v>
      </c>
      <c r="J109" s="8"/>
      <c r="K109" s="9" t="s">
        <v>50</v>
      </c>
    </row>
    <row r="110" spans="3:11" ht="15.75" thickBot="1" x14ac:dyDescent="0.3"/>
    <row r="111" spans="3:11" ht="19.5" thickBot="1" x14ac:dyDescent="0.3">
      <c r="C111" s="7">
        <v>54</v>
      </c>
      <c r="E111" s="9" t="s">
        <v>47</v>
      </c>
      <c r="F111" s="8"/>
      <c r="G111" s="9" t="s">
        <v>48</v>
      </c>
      <c r="H111" s="8"/>
      <c r="I111" s="9" t="s">
        <v>49</v>
      </c>
      <c r="J111" s="8"/>
      <c r="K111" s="9" t="s">
        <v>50</v>
      </c>
    </row>
    <row r="112" spans="3:11" ht="15.75" thickBot="1" x14ac:dyDescent="0.3"/>
    <row r="113" spans="3:11" ht="19.5" thickBot="1" x14ac:dyDescent="0.3">
      <c r="C113" s="7">
        <v>55</v>
      </c>
      <c r="E113" s="9" t="s">
        <v>47</v>
      </c>
      <c r="F113" s="8"/>
      <c r="G113" s="9" t="s">
        <v>48</v>
      </c>
      <c r="H113" s="8"/>
      <c r="I113" s="9" t="s">
        <v>49</v>
      </c>
      <c r="J113" s="8"/>
      <c r="K113" s="9" t="s">
        <v>50</v>
      </c>
    </row>
    <row r="114" spans="3:11" ht="15.75" thickBot="1" x14ac:dyDescent="0.3"/>
    <row r="115" spans="3:11" ht="19.5" thickBot="1" x14ac:dyDescent="0.3">
      <c r="C115" s="7">
        <v>56</v>
      </c>
      <c r="E115" s="9" t="s">
        <v>47</v>
      </c>
      <c r="F115" s="8"/>
      <c r="G115" s="9" t="s">
        <v>48</v>
      </c>
      <c r="H115" s="8"/>
      <c r="I115" s="9" t="s">
        <v>49</v>
      </c>
      <c r="J115" s="8"/>
      <c r="K115" s="9" t="s">
        <v>50</v>
      </c>
    </row>
    <row r="116" spans="3:11" ht="15.75" thickBot="1" x14ac:dyDescent="0.3"/>
    <row r="117" spans="3:11" ht="19.5" thickBot="1" x14ac:dyDescent="0.3">
      <c r="C117" s="7">
        <v>57</v>
      </c>
      <c r="E117" s="9" t="s">
        <v>47</v>
      </c>
      <c r="F117" s="8"/>
      <c r="G117" s="9" t="s">
        <v>48</v>
      </c>
      <c r="H117" s="8"/>
      <c r="I117" s="9" t="s">
        <v>49</v>
      </c>
      <c r="J117" s="8"/>
      <c r="K117" s="9" t="s">
        <v>50</v>
      </c>
    </row>
    <row r="118" spans="3:11" ht="15.75" thickBot="1" x14ac:dyDescent="0.3"/>
    <row r="119" spans="3:11" ht="19.5" thickBot="1" x14ac:dyDescent="0.3">
      <c r="C119" s="7">
        <v>58</v>
      </c>
      <c r="E119" s="9" t="s">
        <v>47</v>
      </c>
      <c r="F119" s="8"/>
      <c r="G119" s="9" t="s">
        <v>48</v>
      </c>
      <c r="H119" s="8"/>
      <c r="I119" s="9" t="s">
        <v>49</v>
      </c>
      <c r="J119" s="8"/>
      <c r="K119" s="9" t="s">
        <v>50</v>
      </c>
    </row>
    <row r="120" spans="3:11" ht="15.75" thickBot="1" x14ac:dyDescent="0.3"/>
    <row r="121" spans="3:11" ht="19.5" thickBot="1" x14ac:dyDescent="0.3">
      <c r="C121" s="7">
        <v>59</v>
      </c>
      <c r="E121" s="9" t="s">
        <v>47</v>
      </c>
      <c r="F121" s="8"/>
      <c r="G121" s="9" t="s">
        <v>48</v>
      </c>
      <c r="H121" s="8"/>
      <c r="I121" s="9" t="s">
        <v>49</v>
      </c>
      <c r="J121" s="8"/>
      <c r="K121" s="9" t="s">
        <v>50</v>
      </c>
    </row>
    <row r="122" spans="3:11" ht="15.75" thickBot="1" x14ac:dyDescent="0.3"/>
    <row r="123" spans="3:11" ht="19.5" thickBot="1" x14ac:dyDescent="0.3">
      <c r="C123" s="7">
        <v>60</v>
      </c>
      <c r="E123" s="9" t="s">
        <v>47</v>
      </c>
      <c r="F123" s="8"/>
      <c r="G123" s="9" t="s">
        <v>48</v>
      </c>
      <c r="H123" s="8"/>
      <c r="I123" s="9" t="s">
        <v>49</v>
      </c>
      <c r="J123" s="8"/>
      <c r="K123" s="9" t="s">
        <v>50</v>
      </c>
    </row>
    <row r="124" spans="3:11" ht="15.75" thickBot="1" x14ac:dyDescent="0.3"/>
    <row r="125" spans="3:11" ht="19.5" thickBot="1" x14ac:dyDescent="0.3">
      <c r="C125" s="7">
        <v>61</v>
      </c>
      <c r="E125" s="9" t="s">
        <v>47</v>
      </c>
      <c r="F125" s="8"/>
      <c r="G125" s="9" t="s">
        <v>48</v>
      </c>
      <c r="H125" s="8"/>
      <c r="I125" s="9" t="s">
        <v>49</v>
      </c>
      <c r="J125" s="8"/>
      <c r="K125" s="9" t="s">
        <v>50</v>
      </c>
    </row>
    <row r="126" spans="3:11" ht="15.75" thickBot="1" x14ac:dyDescent="0.3"/>
    <row r="127" spans="3:11" ht="19.5" thickBot="1" x14ac:dyDescent="0.3">
      <c r="C127" s="7">
        <v>62</v>
      </c>
      <c r="E127" s="9" t="s">
        <v>47</v>
      </c>
      <c r="F127" s="8"/>
      <c r="G127" s="9" t="s">
        <v>48</v>
      </c>
      <c r="H127" s="8"/>
      <c r="I127" s="9" t="s">
        <v>49</v>
      </c>
      <c r="J127" s="8"/>
      <c r="K127" s="9" t="s">
        <v>50</v>
      </c>
    </row>
    <row r="128" spans="3:11" ht="15.75" thickBot="1" x14ac:dyDescent="0.3"/>
    <row r="129" spans="3:11" ht="19.5" thickBot="1" x14ac:dyDescent="0.3">
      <c r="C129" s="7">
        <v>63</v>
      </c>
      <c r="E129" s="9" t="s">
        <v>47</v>
      </c>
      <c r="F129" s="8"/>
      <c r="G129" s="9" t="s">
        <v>48</v>
      </c>
      <c r="H129" s="8"/>
      <c r="I129" s="9" t="s">
        <v>49</v>
      </c>
      <c r="J129" s="8"/>
      <c r="K129" s="9" t="s">
        <v>50</v>
      </c>
    </row>
    <row r="130" spans="3:11" ht="15.75" thickBot="1" x14ac:dyDescent="0.3"/>
    <row r="131" spans="3:11" ht="19.5" thickBot="1" x14ac:dyDescent="0.3">
      <c r="C131" s="7">
        <v>64</v>
      </c>
      <c r="E131" s="9" t="s">
        <v>47</v>
      </c>
      <c r="F131" s="8"/>
      <c r="G131" s="9" t="s">
        <v>48</v>
      </c>
      <c r="H131" s="8"/>
      <c r="I131" s="9" t="s">
        <v>49</v>
      </c>
      <c r="J131" s="8"/>
      <c r="K131" s="9" t="s">
        <v>50</v>
      </c>
    </row>
    <row r="132" spans="3:11" ht="15.75" thickBot="1" x14ac:dyDescent="0.3"/>
    <row r="133" spans="3:11" ht="19.5" thickBot="1" x14ac:dyDescent="0.3">
      <c r="C133" s="7">
        <v>65</v>
      </c>
      <c r="E133" s="9" t="s">
        <v>47</v>
      </c>
      <c r="F133" s="8"/>
      <c r="G133" s="9" t="s">
        <v>48</v>
      </c>
      <c r="H133" s="8"/>
      <c r="I133" s="9" t="s">
        <v>49</v>
      </c>
      <c r="J133" s="8"/>
      <c r="K133" s="9" t="s">
        <v>50</v>
      </c>
    </row>
    <row r="134" spans="3:11" ht="15.75" thickBot="1" x14ac:dyDescent="0.3"/>
    <row r="135" spans="3:11" ht="19.5" thickBot="1" x14ac:dyDescent="0.3">
      <c r="C135" s="7">
        <v>66</v>
      </c>
      <c r="E135" s="9" t="s">
        <v>47</v>
      </c>
      <c r="F135" s="8"/>
      <c r="G135" s="9" t="s">
        <v>48</v>
      </c>
      <c r="H135" s="8"/>
      <c r="I135" s="9" t="s">
        <v>49</v>
      </c>
      <c r="J135" s="8"/>
      <c r="K135" s="9" t="s">
        <v>50</v>
      </c>
    </row>
    <row r="136" spans="3:11" ht="15.75" thickBot="1" x14ac:dyDescent="0.3"/>
    <row r="137" spans="3:11" ht="19.5" thickBot="1" x14ac:dyDescent="0.3">
      <c r="C137" s="7">
        <v>67</v>
      </c>
      <c r="E137" s="9" t="s">
        <v>47</v>
      </c>
      <c r="F137" s="8"/>
      <c r="G137" s="9" t="s">
        <v>48</v>
      </c>
      <c r="H137" s="8"/>
      <c r="I137" s="9" t="s">
        <v>49</v>
      </c>
      <c r="J137" s="8"/>
      <c r="K137" s="9" t="s">
        <v>50</v>
      </c>
    </row>
    <row r="138" spans="3:11" ht="15.75" thickBot="1" x14ac:dyDescent="0.3"/>
    <row r="139" spans="3:11" ht="19.5" thickBot="1" x14ac:dyDescent="0.3">
      <c r="C139" s="7">
        <v>68</v>
      </c>
      <c r="E139" s="9" t="s">
        <v>47</v>
      </c>
      <c r="F139" s="8"/>
      <c r="G139" s="9" t="s">
        <v>48</v>
      </c>
      <c r="H139" s="8"/>
      <c r="I139" s="9" t="s">
        <v>49</v>
      </c>
      <c r="J139" s="8"/>
      <c r="K139" s="9" t="s">
        <v>50</v>
      </c>
    </row>
    <row r="140" spans="3:11" ht="15.75" thickBot="1" x14ac:dyDescent="0.3"/>
    <row r="141" spans="3:11" ht="19.5" thickBot="1" x14ac:dyDescent="0.3">
      <c r="C141" s="7">
        <v>69</v>
      </c>
      <c r="E141" s="9" t="s">
        <v>47</v>
      </c>
      <c r="F141" s="8"/>
      <c r="G141" s="9" t="s">
        <v>48</v>
      </c>
      <c r="H141" s="8"/>
      <c r="I141" s="9" t="s">
        <v>49</v>
      </c>
      <c r="J141" s="8"/>
      <c r="K141" s="9" t="s">
        <v>50</v>
      </c>
    </row>
    <row r="142" spans="3:11" ht="15.75" thickBot="1" x14ac:dyDescent="0.3"/>
    <row r="143" spans="3:11" ht="19.5" thickBot="1" x14ac:dyDescent="0.3">
      <c r="C143" s="7">
        <v>70</v>
      </c>
      <c r="E143" s="9" t="s">
        <v>47</v>
      </c>
      <c r="F143" s="8"/>
      <c r="G143" s="9" t="s">
        <v>48</v>
      </c>
      <c r="H143" s="8"/>
      <c r="I143" s="9" t="s">
        <v>49</v>
      </c>
      <c r="J143" s="8"/>
      <c r="K143" s="9" t="s">
        <v>50</v>
      </c>
    </row>
    <row r="144" spans="3:11" ht="15.75" thickBot="1" x14ac:dyDescent="0.3"/>
    <row r="145" spans="3:11" ht="19.5" thickBot="1" x14ac:dyDescent="0.3">
      <c r="C145" s="7">
        <v>71</v>
      </c>
      <c r="E145" s="9" t="s">
        <v>47</v>
      </c>
      <c r="F145" s="8"/>
      <c r="G145" s="9" t="s">
        <v>48</v>
      </c>
      <c r="H145" s="8"/>
      <c r="I145" s="9" t="s">
        <v>49</v>
      </c>
      <c r="J145" s="8"/>
      <c r="K145" s="9" t="s">
        <v>50</v>
      </c>
    </row>
    <row r="146" spans="3:11" ht="15.75" thickBot="1" x14ac:dyDescent="0.3"/>
    <row r="147" spans="3:11" ht="19.5" thickBot="1" x14ac:dyDescent="0.3">
      <c r="C147" s="7">
        <v>72</v>
      </c>
      <c r="E147" s="9" t="s">
        <v>47</v>
      </c>
      <c r="F147" s="8"/>
      <c r="G147" s="9" t="s">
        <v>48</v>
      </c>
      <c r="H147" s="8"/>
      <c r="I147" s="9" t="s">
        <v>49</v>
      </c>
      <c r="J147" s="8"/>
      <c r="K147" s="9" t="s">
        <v>50</v>
      </c>
    </row>
    <row r="148" spans="3:11" ht="15.75" thickBot="1" x14ac:dyDescent="0.3"/>
    <row r="149" spans="3:11" ht="19.5" thickBot="1" x14ac:dyDescent="0.3">
      <c r="C149" s="7">
        <v>73</v>
      </c>
      <c r="E149" s="9" t="s">
        <v>47</v>
      </c>
      <c r="F149" s="8"/>
      <c r="G149" s="9" t="s">
        <v>48</v>
      </c>
      <c r="H149" s="8"/>
      <c r="I149" s="9" t="s">
        <v>49</v>
      </c>
      <c r="J149" s="8"/>
      <c r="K149" s="9" t="s">
        <v>50</v>
      </c>
    </row>
    <row r="150" spans="3:11" ht="15.75" thickBot="1" x14ac:dyDescent="0.3"/>
    <row r="151" spans="3:11" ht="19.5" thickBot="1" x14ac:dyDescent="0.3">
      <c r="C151" s="7">
        <v>74</v>
      </c>
      <c r="E151" s="9" t="s">
        <v>47</v>
      </c>
      <c r="F151" s="8"/>
      <c r="G151" s="9" t="s">
        <v>48</v>
      </c>
      <c r="H151" s="8"/>
      <c r="I151" s="9" t="s">
        <v>49</v>
      </c>
      <c r="J151" s="8"/>
      <c r="K151" s="9" t="s">
        <v>50</v>
      </c>
    </row>
    <row r="152" spans="3:11" ht="15.75" thickBot="1" x14ac:dyDescent="0.3"/>
    <row r="153" spans="3:11" ht="19.5" thickBot="1" x14ac:dyDescent="0.3">
      <c r="C153" s="7">
        <v>75</v>
      </c>
      <c r="E153" s="9" t="s">
        <v>47</v>
      </c>
      <c r="F153" s="8"/>
      <c r="G153" s="9" t="s">
        <v>48</v>
      </c>
      <c r="H153" s="8"/>
      <c r="I153" s="9" t="s">
        <v>49</v>
      </c>
      <c r="J153" s="8"/>
      <c r="K153" s="9" t="s">
        <v>50</v>
      </c>
    </row>
    <row r="154" spans="3:11" ht="15.75" thickBot="1" x14ac:dyDescent="0.3"/>
    <row r="155" spans="3:11" ht="19.5" thickBot="1" x14ac:dyDescent="0.3">
      <c r="C155" s="7">
        <v>76</v>
      </c>
      <c r="E155" s="9" t="s">
        <v>47</v>
      </c>
      <c r="F155" s="8"/>
      <c r="G155" s="9" t="s">
        <v>48</v>
      </c>
      <c r="H155" s="8"/>
      <c r="I155" s="9" t="s">
        <v>49</v>
      </c>
      <c r="J155" s="8"/>
      <c r="K155" s="9" t="s">
        <v>50</v>
      </c>
    </row>
    <row r="156" spans="3:11" ht="15.75" thickBot="1" x14ac:dyDescent="0.3"/>
    <row r="157" spans="3:11" ht="19.5" thickBot="1" x14ac:dyDescent="0.3">
      <c r="C157" s="7">
        <v>77</v>
      </c>
      <c r="E157" s="9" t="s">
        <v>47</v>
      </c>
      <c r="F157" s="8"/>
      <c r="G157" s="9" t="s">
        <v>48</v>
      </c>
      <c r="H157" s="8"/>
      <c r="I157" s="9" t="s">
        <v>49</v>
      </c>
      <c r="J157" s="8"/>
      <c r="K157" s="9" t="s">
        <v>50</v>
      </c>
    </row>
    <row r="158" spans="3:11" ht="15.75" thickBot="1" x14ac:dyDescent="0.3"/>
    <row r="159" spans="3:11" ht="19.5" thickBot="1" x14ac:dyDescent="0.3">
      <c r="C159" s="7">
        <v>78</v>
      </c>
      <c r="E159" s="9" t="s">
        <v>47</v>
      </c>
      <c r="F159" s="8"/>
      <c r="G159" s="9" t="s">
        <v>48</v>
      </c>
      <c r="H159" s="8"/>
      <c r="I159" s="9" t="s">
        <v>49</v>
      </c>
      <c r="J159" s="8"/>
      <c r="K159" s="9" t="s">
        <v>50</v>
      </c>
    </row>
    <row r="160" spans="3:11" ht="15.75" thickBot="1" x14ac:dyDescent="0.3"/>
    <row r="161" spans="3:11" ht="19.5" thickBot="1" x14ac:dyDescent="0.3">
      <c r="C161" s="7">
        <v>79</v>
      </c>
      <c r="E161" s="9" t="s">
        <v>47</v>
      </c>
      <c r="F161" s="8"/>
      <c r="G161" s="9" t="s">
        <v>48</v>
      </c>
      <c r="H161" s="8"/>
      <c r="I161" s="9" t="s">
        <v>49</v>
      </c>
      <c r="J161" s="8"/>
      <c r="K161" s="9" t="s">
        <v>50</v>
      </c>
    </row>
    <row r="162" spans="3:11" ht="15.75" thickBot="1" x14ac:dyDescent="0.3"/>
    <row r="163" spans="3:11" ht="19.5" thickBot="1" x14ac:dyDescent="0.3">
      <c r="C163" s="7">
        <v>80</v>
      </c>
      <c r="E163" s="9" t="s">
        <v>47</v>
      </c>
      <c r="F163" s="8"/>
      <c r="G163" s="9" t="s">
        <v>48</v>
      </c>
      <c r="H163" s="8"/>
      <c r="I163" s="9" t="s">
        <v>49</v>
      </c>
      <c r="J163" s="8"/>
      <c r="K163" s="9" t="s">
        <v>50</v>
      </c>
    </row>
    <row r="164" spans="3:11" ht="15.75" thickBot="1" x14ac:dyDescent="0.3"/>
    <row r="165" spans="3:11" ht="19.5" thickBot="1" x14ac:dyDescent="0.3">
      <c r="C165" s="7">
        <v>81</v>
      </c>
      <c r="E165" s="9" t="s">
        <v>47</v>
      </c>
      <c r="F165" s="8"/>
      <c r="G165" s="9" t="s">
        <v>48</v>
      </c>
      <c r="H165" s="8"/>
      <c r="I165" s="9" t="s">
        <v>49</v>
      </c>
      <c r="J165" s="8"/>
      <c r="K165" s="9" t="s">
        <v>50</v>
      </c>
    </row>
    <row r="166" spans="3:11" ht="15.75" thickBot="1" x14ac:dyDescent="0.3"/>
    <row r="167" spans="3:11" ht="19.5" thickBot="1" x14ac:dyDescent="0.3">
      <c r="C167" s="7">
        <v>82</v>
      </c>
      <c r="E167" s="9" t="s">
        <v>47</v>
      </c>
      <c r="F167" s="8"/>
      <c r="G167" s="9" t="s">
        <v>48</v>
      </c>
      <c r="H167" s="8"/>
      <c r="I167" s="9" t="s">
        <v>49</v>
      </c>
      <c r="J167" s="8"/>
      <c r="K167" s="9" t="s">
        <v>50</v>
      </c>
    </row>
    <row r="168" spans="3:11" ht="15.75" thickBot="1" x14ac:dyDescent="0.3"/>
    <row r="169" spans="3:11" ht="19.5" thickBot="1" x14ac:dyDescent="0.3">
      <c r="C169" s="7">
        <v>83</v>
      </c>
      <c r="E169" s="9" t="s">
        <v>47</v>
      </c>
      <c r="F169" s="8"/>
      <c r="G169" s="9" t="s">
        <v>48</v>
      </c>
      <c r="H169" s="8"/>
      <c r="I169" s="9" t="s">
        <v>49</v>
      </c>
      <c r="J169" s="8"/>
      <c r="K169" s="9" t="s">
        <v>50</v>
      </c>
    </row>
    <row r="170" spans="3:11" ht="15.75" thickBot="1" x14ac:dyDescent="0.3"/>
    <row r="171" spans="3:11" ht="19.5" thickBot="1" x14ac:dyDescent="0.3">
      <c r="C171" s="7">
        <v>84</v>
      </c>
      <c r="E171" s="9" t="s">
        <v>47</v>
      </c>
      <c r="F171" s="8"/>
      <c r="G171" s="9" t="s">
        <v>48</v>
      </c>
      <c r="H171" s="8"/>
      <c r="I171" s="9" t="s">
        <v>49</v>
      </c>
      <c r="J171" s="8"/>
      <c r="K171" s="9" t="s">
        <v>50</v>
      </c>
    </row>
    <row r="172" spans="3:11" ht="15.75" thickBot="1" x14ac:dyDescent="0.3"/>
    <row r="173" spans="3:11" ht="19.5" thickBot="1" x14ac:dyDescent="0.3">
      <c r="C173" s="7">
        <v>85</v>
      </c>
      <c r="E173" s="9" t="s">
        <v>47</v>
      </c>
      <c r="F173" s="8"/>
      <c r="G173" s="9" t="s">
        <v>48</v>
      </c>
      <c r="H173" s="8"/>
      <c r="I173" s="9" t="s">
        <v>49</v>
      </c>
      <c r="J173" s="8"/>
      <c r="K173" s="9" t="s">
        <v>50</v>
      </c>
    </row>
    <row r="174" spans="3:11" ht="15.75" thickBot="1" x14ac:dyDescent="0.3"/>
    <row r="175" spans="3:11" ht="19.5" thickBot="1" x14ac:dyDescent="0.3">
      <c r="C175" s="7">
        <v>86</v>
      </c>
      <c r="E175" s="9" t="s">
        <v>47</v>
      </c>
      <c r="F175" s="8"/>
      <c r="G175" s="9" t="s">
        <v>48</v>
      </c>
      <c r="H175" s="8"/>
      <c r="I175" s="9" t="s">
        <v>49</v>
      </c>
      <c r="J175" s="8"/>
      <c r="K175" s="9" t="s">
        <v>50</v>
      </c>
    </row>
    <row r="176" spans="3:11" ht="15.75" thickBot="1" x14ac:dyDescent="0.3"/>
    <row r="177" spans="3:11" ht="19.5" thickBot="1" x14ac:dyDescent="0.3">
      <c r="C177" s="7">
        <v>87</v>
      </c>
      <c r="E177" s="9" t="s">
        <v>47</v>
      </c>
      <c r="F177" s="8"/>
      <c r="G177" s="9" t="s">
        <v>48</v>
      </c>
      <c r="H177" s="8"/>
      <c r="I177" s="9" t="s">
        <v>49</v>
      </c>
      <c r="J177" s="8"/>
      <c r="K177" s="9" t="s">
        <v>50</v>
      </c>
    </row>
    <row r="178" spans="3:11" ht="15.75" thickBot="1" x14ac:dyDescent="0.3"/>
    <row r="179" spans="3:11" ht="19.5" thickBot="1" x14ac:dyDescent="0.3">
      <c r="C179" s="7">
        <v>88</v>
      </c>
      <c r="E179" s="9" t="s">
        <v>47</v>
      </c>
      <c r="F179" s="8"/>
      <c r="G179" s="9" t="s">
        <v>48</v>
      </c>
      <c r="H179" s="8"/>
      <c r="I179" s="9" t="s">
        <v>49</v>
      </c>
      <c r="J179" s="8"/>
      <c r="K179" s="9" t="s">
        <v>50</v>
      </c>
    </row>
    <row r="180" spans="3:11" ht="15.75" thickBot="1" x14ac:dyDescent="0.3"/>
    <row r="181" spans="3:11" ht="19.5" thickBot="1" x14ac:dyDescent="0.3">
      <c r="C181" s="7">
        <v>89</v>
      </c>
      <c r="E181" s="9" t="s">
        <v>47</v>
      </c>
      <c r="F181" s="8"/>
      <c r="G181" s="9" t="s">
        <v>48</v>
      </c>
      <c r="H181" s="8"/>
      <c r="I181" s="9" t="s">
        <v>49</v>
      </c>
      <c r="J181" s="8"/>
      <c r="K181" s="9" t="s">
        <v>50</v>
      </c>
    </row>
    <row r="182" spans="3:11" ht="15.75" thickBot="1" x14ac:dyDescent="0.3"/>
    <row r="183" spans="3:11" ht="19.5" thickBot="1" x14ac:dyDescent="0.3">
      <c r="C183" s="7">
        <v>90</v>
      </c>
      <c r="E183" s="9" t="s">
        <v>47</v>
      </c>
      <c r="F183" s="8"/>
      <c r="G183" s="9" t="s">
        <v>48</v>
      </c>
      <c r="H183" s="8"/>
      <c r="I183" s="9" t="s">
        <v>49</v>
      </c>
      <c r="J183" s="8"/>
      <c r="K183" s="9" t="s">
        <v>50</v>
      </c>
    </row>
    <row r="184" spans="3:11" ht="15.75" thickBot="1" x14ac:dyDescent="0.3"/>
    <row r="185" spans="3:11" ht="19.5" thickBot="1" x14ac:dyDescent="0.3">
      <c r="C185" s="7">
        <v>91</v>
      </c>
      <c r="E185" s="9" t="s">
        <v>47</v>
      </c>
      <c r="F185" s="8"/>
      <c r="G185" s="9" t="s">
        <v>48</v>
      </c>
      <c r="H185" s="8"/>
      <c r="I185" s="9" t="s">
        <v>49</v>
      </c>
      <c r="J185" s="8"/>
      <c r="K185" s="9" t="s">
        <v>50</v>
      </c>
    </row>
    <row r="186" spans="3:11" ht="15.75" thickBot="1" x14ac:dyDescent="0.3"/>
    <row r="187" spans="3:11" ht="19.5" thickBot="1" x14ac:dyDescent="0.3">
      <c r="C187" s="7">
        <v>92</v>
      </c>
      <c r="E187" s="9" t="s">
        <v>47</v>
      </c>
      <c r="F187" s="8"/>
      <c r="G187" s="9" t="s">
        <v>48</v>
      </c>
      <c r="H187" s="8"/>
      <c r="I187" s="9" t="s">
        <v>49</v>
      </c>
      <c r="J187" s="8"/>
      <c r="K187" s="9" t="s">
        <v>50</v>
      </c>
    </row>
    <row r="188" spans="3:11" ht="15.75" thickBot="1" x14ac:dyDescent="0.3"/>
    <row r="189" spans="3:11" ht="19.5" thickBot="1" x14ac:dyDescent="0.3">
      <c r="C189" s="7">
        <v>93</v>
      </c>
      <c r="E189" s="9" t="s">
        <v>47</v>
      </c>
      <c r="F189" s="8"/>
      <c r="G189" s="9" t="s">
        <v>48</v>
      </c>
      <c r="H189" s="8"/>
      <c r="I189" s="9" t="s">
        <v>49</v>
      </c>
      <c r="J189" s="8"/>
      <c r="K189" s="9" t="s">
        <v>50</v>
      </c>
    </row>
    <row r="190" spans="3:11" ht="15.75" thickBot="1" x14ac:dyDescent="0.3"/>
    <row r="191" spans="3:11" ht="19.5" thickBot="1" x14ac:dyDescent="0.3">
      <c r="C191" s="7">
        <v>94</v>
      </c>
      <c r="E191" s="9" t="s">
        <v>47</v>
      </c>
      <c r="F191" s="8"/>
      <c r="G191" s="9" t="s">
        <v>48</v>
      </c>
      <c r="H191" s="8"/>
      <c r="I191" s="9" t="s">
        <v>49</v>
      </c>
      <c r="J191" s="8"/>
      <c r="K191" s="9" t="s">
        <v>50</v>
      </c>
    </row>
    <row r="192" spans="3:11" ht="15.75" thickBot="1" x14ac:dyDescent="0.3"/>
    <row r="193" spans="3:11" ht="19.5" thickBot="1" x14ac:dyDescent="0.3">
      <c r="C193" s="7">
        <v>95</v>
      </c>
      <c r="E193" s="9" t="s">
        <v>47</v>
      </c>
      <c r="F193" s="8"/>
      <c r="G193" s="9" t="s">
        <v>48</v>
      </c>
      <c r="H193" s="8"/>
      <c r="I193" s="9" t="s">
        <v>49</v>
      </c>
      <c r="J193" s="8"/>
      <c r="K193" s="9" t="s">
        <v>50</v>
      </c>
    </row>
    <row r="194" spans="3:11" ht="15.75" thickBot="1" x14ac:dyDescent="0.3"/>
    <row r="195" spans="3:11" ht="19.5" thickBot="1" x14ac:dyDescent="0.3">
      <c r="C195" s="7">
        <v>96</v>
      </c>
      <c r="E195" s="9" t="s">
        <v>47</v>
      </c>
      <c r="F195" s="8"/>
      <c r="G195" s="9" t="s">
        <v>48</v>
      </c>
      <c r="H195" s="8"/>
      <c r="I195" s="9" t="s">
        <v>49</v>
      </c>
      <c r="J195" s="8"/>
      <c r="K195" s="9" t="s">
        <v>50</v>
      </c>
    </row>
    <row r="196" spans="3:11" ht="15.75" thickBot="1" x14ac:dyDescent="0.3"/>
    <row r="197" spans="3:11" ht="19.5" thickBot="1" x14ac:dyDescent="0.3">
      <c r="C197" s="7">
        <v>97</v>
      </c>
      <c r="E197" s="9" t="s">
        <v>47</v>
      </c>
      <c r="F197" s="8"/>
      <c r="G197" s="9" t="s">
        <v>48</v>
      </c>
      <c r="H197" s="8"/>
      <c r="I197" s="9" t="s">
        <v>49</v>
      </c>
      <c r="J197" s="8"/>
      <c r="K197" s="9" t="s">
        <v>50</v>
      </c>
    </row>
    <row r="198" spans="3:11" ht="15.75" thickBot="1" x14ac:dyDescent="0.3"/>
    <row r="199" spans="3:11" ht="19.5" thickBot="1" x14ac:dyDescent="0.3">
      <c r="C199" s="7">
        <v>98</v>
      </c>
      <c r="E199" s="9" t="s">
        <v>47</v>
      </c>
      <c r="F199" s="8"/>
      <c r="G199" s="9" t="s">
        <v>48</v>
      </c>
      <c r="H199" s="8"/>
      <c r="I199" s="9" t="s">
        <v>49</v>
      </c>
      <c r="J199" s="8"/>
      <c r="K199" s="9" t="s">
        <v>50</v>
      </c>
    </row>
    <row r="200" spans="3:11" ht="15.75" thickBot="1" x14ac:dyDescent="0.3"/>
    <row r="201" spans="3:11" ht="19.5" thickBot="1" x14ac:dyDescent="0.3">
      <c r="C201" s="7">
        <v>99</v>
      </c>
      <c r="E201" s="9" t="s">
        <v>47</v>
      </c>
      <c r="F201" s="8"/>
      <c r="G201" s="9" t="s">
        <v>48</v>
      </c>
      <c r="H201" s="8"/>
      <c r="I201" s="9" t="s">
        <v>49</v>
      </c>
      <c r="J201" s="8"/>
      <c r="K201" s="9" t="s">
        <v>50</v>
      </c>
    </row>
    <row r="202" spans="3:11" ht="15.75" thickBot="1" x14ac:dyDescent="0.3"/>
    <row r="203" spans="3:11" ht="19.5" thickBot="1" x14ac:dyDescent="0.3">
      <c r="C203" s="7">
        <v>100</v>
      </c>
      <c r="E203" s="9" t="s">
        <v>47</v>
      </c>
      <c r="F203" s="8"/>
      <c r="G203" s="9" t="s">
        <v>48</v>
      </c>
      <c r="H203" s="8"/>
      <c r="I203" s="9" t="s">
        <v>49</v>
      </c>
      <c r="J203" s="8"/>
      <c r="K203" s="9" t="s">
        <v>50</v>
      </c>
    </row>
  </sheetData>
  <sheetProtection password="E792" sheet="1" objects="1" scenarios="1"/>
  <protectedRanges>
    <protectedRange sqref="E5:K203" name="Education"/>
  </protectedRange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B37547-2357-4C2D-9F05-CC36ADB7BF31}">
  <dimension ref="D1:U22"/>
  <sheetViews>
    <sheetView tabSelected="1" zoomScaleNormal="100" workbookViewId="0">
      <selection activeCell="P20" sqref="P20"/>
    </sheetView>
  </sheetViews>
  <sheetFormatPr defaultRowHeight="15" x14ac:dyDescent="0.25"/>
  <cols>
    <col min="1" max="5" width="9.140625" style="1"/>
    <col min="6" max="6" width="27.7109375" style="1" customWidth="1"/>
    <col min="7" max="12" width="9.140625" style="1"/>
    <col min="13" max="13" width="15.85546875" style="1" customWidth="1"/>
    <col min="14" max="14" width="4.42578125" style="1" customWidth="1"/>
    <col min="15" max="19" width="9.140625" style="1"/>
    <col min="20" max="20" width="19.85546875" style="1" customWidth="1"/>
    <col min="21" max="16384" width="9.140625" style="1"/>
  </cols>
  <sheetData>
    <row r="1" spans="4:21" ht="24.75" customHeight="1" x14ac:dyDescent="0.25"/>
    <row r="3" spans="4:21" ht="22.5" customHeight="1" thickBot="1" x14ac:dyDescent="0.3"/>
    <row r="4" spans="4:21" ht="27.75" customHeight="1" thickBot="1" x14ac:dyDescent="0.3">
      <c r="D4" s="41"/>
      <c r="E4" s="42"/>
      <c r="F4" s="43"/>
      <c r="H4" s="19" t="s">
        <v>51</v>
      </c>
      <c r="I4" s="19"/>
      <c r="J4" s="19"/>
      <c r="K4" s="19"/>
      <c r="L4" s="19"/>
      <c r="M4" s="19"/>
      <c r="N4" s="2"/>
      <c r="O4" s="19" t="s">
        <v>52</v>
      </c>
      <c r="P4" s="19"/>
      <c r="Q4" s="19"/>
      <c r="R4" s="19"/>
      <c r="S4" s="19"/>
      <c r="T4" s="19"/>
    </row>
    <row r="5" spans="4:21" ht="27.75" customHeight="1" thickBot="1" x14ac:dyDescent="0.3">
      <c r="D5" s="44"/>
      <c r="E5" s="24"/>
      <c r="F5" s="45"/>
      <c r="H5" s="15"/>
      <c r="I5" s="16"/>
      <c r="J5" s="16"/>
      <c r="K5" s="16"/>
      <c r="L5" s="16"/>
      <c r="M5" s="17"/>
      <c r="N5" s="2"/>
      <c r="O5" s="15"/>
      <c r="P5" s="16"/>
      <c r="Q5" s="16"/>
      <c r="R5" s="16"/>
      <c r="S5" s="16"/>
      <c r="T5" s="17"/>
    </row>
    <row r="6" spans="4:21" ht="27.75" customHeight="1" thickBot="1" x14ac:dyDescent="0.3">
      <c r="D6" s="44"/>
      <c r="E6" s="24"/>
      <c r="F6" s="45"/>
      <c r="H6" s="19" t="s">
        <v>53</v>
      </c>
      <c r="I6" s="19"/>
      <c r="J6" s="19"/>
      <c r="K6" s="19"/>
      <c r="L6" s="19"/>
      <c r="M6" s="19"/>
      <c r="N6" s="2"/>
      <c r="O6" s="19" t="s">
        <v>54</v>
      </c>
      <c r="P6" s="19"/>
      <c r="Q6" s="19"/>
      <c r="R6" s="19"/>
      <c r="S6" s="19"/>
      <c r="T6" s="19"/>
    </row>
    <row r="7" spans="4:21" ht="27.75" customHeight="1" thickBot="1" x14ac:dyDescent="0.3">
      <c r="D7" s="44"/>
      <c r="E7" s="24"/>
      <c r="F7" s="45"/>
      <c r="H7" s="15"/>
      <c r="I7" s="16"/>
      <c r="J7" s="16"/>
      <c r="K7" s="16"/>
      <c r="L7" s="16"/>
      <c r="M7" s="17"/>
      <c r="N7" s="2"/>
      <c r="O7" s="15"/>
      <c r="P7" s="16"/>
      <c r="Q7" s="16"/>
      <c r="R7" s="16"/>
      <c r="S7" s="16"/>
      <c r="T7" s="17"/>
    </row>
    <row r="8" spans="4:21" ht="27.75" customHeight="1" thickBot="1" x14ac:dyDescent="0.3">
      <c r="D8" s="44"/>
      <c r="E8" s="24"/>
      <c r="F8" s="45"/>
      <c r="H8" s="19" t="s">
        <v>55</v>
      </c>
      <c r="I8" s="19"/>
      <c r="J8" s="19"/>
      <c r="K8" s="19"/>
      <c r="L8" s="19"/>
      <c r="M8" s="19"/>
      <c r="N8" s="2"/>
      <c r="O8" s="19" t="s">
        <v>56</v>
      </c>
      <c r="P8" s="19"/>
      <c r="Q8" s="19"/>
      <c r="R8" s="19"/>
      <c r="S8" s="19"/>
      <c r="T8" s="19"/>
    </row>
    <row r="9" spans="4:21" ht="27.75" customHeight="1" thickBot="1" x14ac:dyDescent="0.3">
      <c r="D9" s="44"/>
      <c r="E9" s="24"/>
      <c r="F9" s="45"/>
      <c r="H9" s="15"/>
      <c r="I9" s="16"/>
      <c r="J9" s="16"/>
      <c r="K9" s="16"/>
      <c r="L9" s="16"/>
      <c r="M9" s="17"/>
      <c r="N9" s="2"/>
      <c r="O9" s="15"/>
      <c r="P9" s="16"/>
      <c r="Q9" s="16"/>
      <c r="R9" s="16"/>
      <c r="S9" s="16"/>
      <c r="T9" s="17"/>
    </row>
    <row r="10" spans="4:21" ht="27.75" customHeight="1" thickBot="1" x14ac:dyDescent="0.3">
      <c r="D10" s="44"/>
      <c r="E10" s="24"/>
      <c r="F10" s="45"/>
      <c r="H10" s="18" t="s">
        <v>57</v>
      </c>
      <c r="I10" s="18"/>
      <c r="J10" s="18"/>
      <c r="K10" s="18"/>
      <c r="L10" s="18"/>
      <c r="M10" s="18"/>
      <c r="N10" s="2"/>
      <c r="O10" s="18" t="s">
        <v>58</v>
      </c>
      <c r="P10" s="18"/>
      <c r="Q10" s="18"/>
      <c r="R10" s="18"/>
      <c r="S10" s="18"/>
      <c r="T10" s="18"/>
    </row>
    <row r="11" spans="4:21" ht="27.75" customHeight="1" thickBot="1" x14ac:dyDescent="0.3">
      <c r="D11" s="44"/>
      <c r="E11" s="24"/>
      <c r="F11" s="45"/>
      <c r="H11" s="15"/>
      <c r="I11" s="16"/>
      <c r="J11" s="16"/>
      <c r="K11" s="16"/>
      <c r="L11" s="16"/>
      <c r="M11" s="17"/>
      <c r="N11" s="2"/>
      <c r="O11" s="15"/>
      <c r="P11" s="16"/>
      <c r="Q11" s="16"/>
      <c r="R11" s="16"/>
      <c r="S11" s="16"/>
      <c r="T11" s="17"/>
    </row>
    <row r="12" spans="4:21" x14ac:dyDescent="0.25">
      <c r="D12" s="44"/>
      <c r="E12" s="24"/>
      <c r="F12" s="45"/>
    </row>
    <row r="13" spans="4:21" ht="77.25" customHeight="1" x14ac:dyDescent="0.25">
      <c r="D13" s="44"/>
      <c r="E13" s="24"/>
      <c r="F13" s="45"/>
    </row>
    <row r="14" spans="4:21" ht="15" customHeight="1" x14ac:dyDescent="0.25">
      <c r="D14" s="44"/>
      <c r="E14" s="24"/>
      <c r="F14" s="45"/>
      <c r="G14" s="10"/>
      <c r="H14" s="10"/>
      <c r="I14" s="10"/>
      <c r="J14" s="10"/>
      <c r="K14" s="10"/>
      <c r="L14" s="10"/>
      <c r="M14" s="10"/>
      <c r="N14" s="10"/>
      <c r="O14" s="10"/>
      <c r="P14" s="10"/>
      <c r="Q14" s="10"/>
      <c r="R14" s="10"/>
      <c r="S14" s="10"/>
      <c r="T14" s="10"/>
      <c r="U14" s="5"/>
    </row>
    <row r="15" spans="4:21" ht="15" customHeight="1" x14ac:dyDescent="0.25">
      <c r="D15" s="44"/>
      <c r="E15" s="24"/>
      <c r="F15" s="45"/>
      <c r="G15" s="10"/>
      <c r="H15" s="10"/>
      <c r="I15" s="10"/>
      <c r="J15" s="10"/>
      <c r="K15" s="10"/>
      <c r="L15" s="10"/>
      <c r="M15" s="10"/>
      <c r="N15" s="10"/>
      <c r="O15" s="10"/>
      <c r="P15" s="10"/>
      <c r="Q15" s="10"/>
      <c r="R15" s="10"/>
      <c r="S15" s="10"/>
      <c r="T15" s="10"/>
      <c r="U15" s="5"/>
    </row>
    <row r="16" spans="4:21" ht="32.25" customHeight="1" thickBot="1" x14ac:dyDescent="0.3">
      <c r="D16" s="46"/>
      <c r="E16" s="47"/>
      <c r="F16" s="48"/>
      <c r="G16" s="10"/>
      <c r="H16" s="40" t="s">
        <v>59</v>
      </c>
      <c r="I16" s="40"/>
      <c r="J16" s="40"/>
      <c r="K16" s="40"/>
      <c r="L16" s="40"/>
      <c r="M16" s="40"/>
      <c r="N16" s="11"/>
      <c r="O16" s="11"/>
      <c r="P16" s="11"/>
      <c r="Q16" s="11"/>
      <c r="R16" s="11"/>
      <c r="S16" s="11"/>
      <c r="T16" s="11"/>
      <c r="U16" s="5"/>
    </row>
    <row r="17" spans="4:21" ht="18" customHeight="1" x14ac:dyDescent="0.25">
      <c r="D17" s="5"/>
      <c r="E17" s="5"/>
      <c r="F17" s="5"/>
      <c r="G17" s="5"/>
      <c r="H17" s="37" t="s">
        <v>11</v>
      </c>
      <c r="I17" s="37"/>
      <c r="J17" s="37"/>
      <c r="K17" s="37"/>
      <c r="L17" s="37"/>
      <c r="M17" s="37"/>
      <c r="U17" s="5"/>
    </row>
    <row r="18" spans="4:21" ht="18.75" customHeight="1" x14ac:dyDescent="0.25">
      <c r="H18" s="38" t="s">
        <v>12</v>
      </c>
      <c r="I18" s="38"/>
      <c r="J18" s="38"/>
      <c r="K18" s="38"/>
      <c r="L18" s="38"/>
      <c r="M18" s="38"/>
    </row>
    <row r="19" spans="4:21" ht="19.5" customHeight="1" x14ac:dyDescent="0.25">
      <c r="H19" s="38" t="s">
        <v>13</v>
      </c>
      <c r="I19" s="38"/>
      <c r="J19" s="38"/>
      <c r="K19" s="38"/>
      <c r="L19" s="38"/>
      <c r="M19" s="38"/>
    </row>
    <row r="20" spans="4:21" ht="16.5" x14ac:dyDescent="0.3">
      <c r="H20" s="36" t="s">
        <v>60</v>
      </c>
      <c r="I20" s="36"/>
      <c r="J20" s="36"/>
      <c r="K20" s="36"/>
      <c r="L20" s="36"/>
      <c r="M20" s="36"/>
    </row>
    <row r="21" spans="4:21" x14ac:dyDescent="0.25">
      <c r="H21" s="39"/>
      <c r="I21" s="39"/>
      <c r="J21" s="39"/>
      <c r="K21" s="39"/>
      <c r="L21" s="39"/>
      <c r="M21" s="39"/>
    </row>
    <row r="22" spans="4:21" x14ac:dyDescent="0.25">
      <c r="H22" s="12"/>
    </row>
  </sheetData>
  <sheetProtection password="E792" sheet="1" objects="1" scenarios="1"/>
  <protectedRanges>
    <protectedRange sqref="H5:M5 O5:T5 H7:M7 O7:T7 H9:M9 O9:T9 H11:M11 O11:T11" name="Other"/>
  </protectedRanges>
  <mergeCells count="23">
    <mergeCell ref="D4:F16"/>
    <mergeCell ref="H4:M4"/>
    <mergeCell ref="O9:T9"/>
    <mergeCell ref="H19:M19"/>
    <mergeCell ref="H21:M21"/>
    <mergeCell ref="H16:M16"/>
    <mergeCell ref="H18:M18"/>
    <mergeCell ref="O4:T4"/>
    <mergeCell ref="H5:M5"/>
    <mergeCell ref="O5:T5"/>
    <mergeCell ref="H6:M6"/>
    <mergeCell ref="H20:M20"/>
    <mergeCell ref="H10:M10"/>
    <mergeCell ref="H17:M17"/>
    <mergeCell ref="O10:T10"/>
    <mergeCell ref="H11:M11"/>
    <mergeCell ref="O11:T11"/>
    <mergeCell ref="O6:T6"/>
    <mergeCell ref="H7:M7"/>
    <mergeCell ref="O7:T7"/>
    <mergeCell ref="H8:M8"/>
    <mergeCell ref="O8:T8"/>
    <mergeCell ref="H9:M9"/>
  </mergeCells>
  <pageMargins left="0.7" right="0.7" top="0.75" bottom="0.75" header="0.3" footer="0.3"/>
  <pageSetup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5</vt:i4>
      </vt:variant>
    </vt:vector>
  </HeadingPairs>
  <TitlesOfParts>
    <vt:vector size="5" baseType="lpstr">
      <vt:lpstr>General Informarion</vt:lpstr>
      <vt:lpstr>Sea Experience</vt:lpstr>
      <vt:lpstr>Certification &amp; Documents</vt:lpstr>
      <vt:lpstr>Education</vt:lpstr>
      <vt:lpstr>Other Informatio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hamil Abbasov</dc:creator>
  <cp:lastModifiedBy>Shamil Abbasov</cp:lastModifiedBy>
  <dcterms:created xsi:type="dcterms:W3CDTF">2022-04-15T07:20:55Z</dcterms:created>
  <dcterms:modified xsi:type="dcterms:W3CDTF">2022-04-15T13:59:48Z</dcterms:modified>
</cp:coreProperties>
</file>